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worksheets/sheet131.xml" ContentType="application/vnd.openxmlformats-officedocument.spreadsheetml.worksheet+xml"/>
  <Override PartName="/xl/worksheets/sheet132.xml" ContentType="application/vnd.openxmlformats-officedocument.spreadsheetml.worksheet+xml"/>
  <Override PartName="/xl/worksheets/sheet133.xml" ContentType="application/vnd.openxmlformats-officedocument.spreadsheetml.worksheet+xml"/>
  <Override PartName="/xl/worksheets/sheet134.xml" ContentType="application/vnd.openxmlformats-officedocument.spreadsheetml.worksheet+xml"/>
  <Override PartName="/xl/worksheets/sheet135.xml" ContentType="application/vnd.openxmlformats-officedocument.spreadsheetml.worksheet+xml"/>
  <Override PartName="/xl/worksheets/sheet136.xml" ContentType="application/vnd.openxmlformats-officedocument.spreadsheetml.worksheet+xml"/>
  <Override PartName="/xl/worksheets/sheet137.xml" ContentType="application/vnd.openxmlformats-officedocument.spreadsheetml.worksheet+xml"/>
  <Override PartName="/xl/worksheets/sheet138.xml" ContentType="application/vnd.openxmlformats-officedocument.spreadsheetml.worksheet+xml"/>
  <Override PartName="/xl/worksheets/sheet139.xml" ContentType="application/vnd.openxmlformats-officedocument.spreadsheetml.worksheet+xml"/>
  <Override PartName="/xl/worksheets/sheet140.xml" ContentType="application/vnd.openxmlformats-officedocument.spreadsheetml.worksheet+xml"/>
  <Override PartName="/xl/worksheets/sheet141.xml" ContentType="application/vnd.openxmlformats-officedocument.spreadsheetml.worksheet+xml"/>
  <Override PartName="/xl/worksheets/sheet142.xml" ContentType="application/vnd.openxmlformats-officedocument.spreadsheetml.worksheet+xml"/>
  <Override PartName="/xl/worksheets/sheet143.xml" ContentType="application/vnd.openxmlformats-officedocument.spreadsheetml.worksheet+xml"/>
  <Override PartName="/xl/worksheets/sheet144.xml" ContentType="application/vnd.openxmlformats-officedocument.spreadsheetml.worksheet+xml"/>
  <Override PartName="/xl/worksheets/sheet145.xml" ContentType="application/vnd.openxmlformats-officedocument.spreadsheetml.worksheet+xml"/>
  <Override PartName="/xl/worksheets/sheet146.xml" ContentType="application/vnd.openxmlformats-officedocument.spreadsheetml.worksheet+xml"/>
  <Override PartName="/xl/worksheets/sheet147.xml" ContentType="application/vnd.openxmlformats-officedocument.spreadsheetml.worksheet+xml"/>
  <Override PartName="/xl/worksheets/sheet148.xml" ContentType="application/vnd.openxmlformats-officedocument.spreadsheetml.worksheet+xml"/>
  <Override PartName="/xl/worksheets/sheet149.xml" ContentType="application/vnd.openxmlformats-officedocument.spreadsheetml.worksheet+xml"/>
  <Override PartName="/xl/worksheets/sheet150.xml" ContentType="application/vnd.openxmlformats-officedocument.spreadsheetml.worksheet+xml"/>
  <Override PartName="/xl/worksheets/sheet151.xml" ContentType="application/vnd.openxmlformats-officedocument.spreadsheetml.worksheet+xml"/>
  <Override PartName="/xl/worksheets/sheet152.xml" ContentType="application/vnd.openxmlformats-officedocument.spreadsheetml.worksheet+xml"/>
  <Override PartName="/xl/worksheets/sheet153.xml" ContentType="application/vnd.openxmlformats-officedocument.spreadsheetml.worksheet+xml"/>
  <Override PartName="/xl/worksheets/sheet154.xml" ContentType="application/vnd.openxmlformats-officedocument.spreadsheetml.worksheet+xml"/>
  <Override PartName="/xl/worksheets/sheet155.xml" ContentType="application/vnd.openxmlformats-officedocument.spreadsheetml.worksheet+xml"/>
  <Override PartName="/xl/worksheets/sheet156.xml" ContentType="application/vnd.openxmlformats-officedocument.spreadsheetml.worksheet+xml"/>
  <Override PartName="/xl/worksheets/sheet157.xml" ContentType="application/vnd.openxmlformats-officedocument.spreadsheetml.worksheet+xml"/>
  <Override PartName="/xl/worksheets/sheet158.xml" ContentType="application/vnd.openxmlformats-officedocument.spreadsheetml.worksheet+xml"/>
  <Override PartName="/xl/worksheets/sheet159.xml" ContentType="application/vnd.openxmlformats-officedocument.spreadsheetml.worksheet+xml"/>
  <Override PartName="/xl/worksheets/sheet160.xml" ContentType="application/vnd.openxmlformats-officedocument.spreadsheetml.worksheet+xml"/>
  <Override PartName="/xl/worksheets/sheet161.xml" ContentType="application/vnd.openxmlformats-officedocument.spreadsheetml.worksheet+xml"/>
  <Override PartName="/xl/worksheets/sheet162.xml" ContentType="application/vnd.openxmlformats-officedocument.spreadsheetml.worksheet+xml"/>
  <Override PartName="/xl/worksheets/sheet163.xml" ContentType="application/vnd.openxmlformats-officedocument.spreadsheetml.worksheet+xml"/>
  <Override PartName="/xl/worksheets/sheet164.xml" ContentType="application/vnd.openxmlformats-officedocument.spreadsheetml.worksheet+xml"/>
  <Override PartName="/xl/worksheets/sheet165.xml" ContentType="application/vnd.openxmlformats-officedocument.spreadsheetml.worksheet+xml"/>
  <Override PartName="/xl/worksheets/sheet166.xml" ContentType="application/vnd.openxmlformats-officedocument.spreadsheetml.worksheet+xml"/>
  <Override PartName="/xl/worksheets/sheet167.xml" ContentType="application/vnd.openxmlformats-officedocument.spreadsheetml.worksheet+xml"/>
  <Override PartName="/xl/worksheets/sheet168.xml" ContentType="application/vnd.openxmlformats-officedocument.spreadsheetml.worksheet+xml"/>
  <Override PartName="/xl/worksheets/sheet169.xml" ContentType="application/vnd.openxmlformats-officedocument.spreadsheetml.worksheet+xml"/>
  <Override PartName="/xl/worksheets/sheet170.xml" ContentType="application/vnd.openxmlformats-officedocument.spreadsheetml.worksheet+xml"/>
  <Override PartName="/xl/worksheets/sheet171.xml" ContentType="application/vnd.openxmlformats-officedocument.spreadsheetml.worksheet+xml"/>
  <Override PartName="/xl/worksheets/sheet172.xml" ContentType="application/vnd.openxmlformats-officedocument.spreadsheetml.worksheet+xml"/>
  <Override PartName="/xl/worksheets/sheet173.xml" ContentType="application/vnd.openxmlformats-officedocument.spreadsheetml.worksheet+xml"/>
  <Override PartName="/xl/worksheets/sheet174.xml" ContentType="application/vnd.openxmlformats-officedocument.spreadsheetml.worksheet+xml"/>
  <Override PartName="/xl/worksheets/sheet175.xml" ContentType="application/vnd.openxmlformats-officedocument.spreadsheetml.worksheet+xml"/>
  <Override PartName="/xl/worksheets/sheet176.xml" ContentType="application/vnd.openxmlformats-officedocument.spreadsheetml.worksheet+xml"/>
  <Override PartName="/xl/worksheets/sheet177.xml" ContentType="application/vnd.openxmlformats-officedocument.spreadsheetml.worksheet+xml"/>
  <Override PartName="/xl/worksheets/sheet178.xml" ContentType="application/vnd.openxmlformats-officedocument.spreadsheetml.worksheet+xml"/>
  <Override PartName="/xl/worksheets/sheet179.xml" ContentType="application/vnd.openxmlformats-officedocument.spreadsheetml.worksheet+xml"/>
  <Override PartName="/xl/worksheets/sheet180.xml" ContentType="application/vnd.openxmlformats-officedocument.spreadsheetml.worksheet+xml"/>
  <Override PartName="/xl/worksheets/sheet181.xml" ContentType="application/vnd.openxmlformats-officedocument.spreadsheetml.worksheet+xml"/>
  <Override PartName="/xl/worksheets/sheet182.xml" ContentType="application/vnd.openxmlformats-officedocument.spreadsheetml.worksheet+xml"/>
  <Override PartName="/xl/worksheets/sheet183.xml" ContentType="application/vnd.openxmlformats-officedocument.spreadsheetml.worksheet+xml"/>
  <Override PartName="/xl/worksheets/sheet184.xml" ContentType="application/vnd.openxmlformats-officedocument.spreadsheetml.worksheet+xml"/>
  <Override PartName="/xl/worksheets/sheet185.xml" ContentType="application/vnd.openxmlformats-officedocument.spreadsheetml.worksheet+xml"/>
  <Override PartName="/xl/worksheets/sheet186.xml" ContentType="application/vnd.openxmlformats-officedocument.spreadsheetml.worksheet+xml"/>
  <Override PartName="/xl/worksheets/sheet187.xml" ContentType="application/vnd.openxmlformats-officedocument.spreadsheetml.worksheet+xml"/>
  <Override PartName="/xl/worksheets/sheet188.xml" ContentType="application/vnd.openxmlformats-officedocument.spreadsheetml.worksheet+xml"/>
  <Override PartName="/xl/worksheets/sheet189.xml" ContentType="application/vnd.openxmlformats-officedocument.spreadsheetml.worksheet+xml"/>
  <Override PartName="/xl/worksheets/sheet190.xml" ContentType="application/vnd.openxmlformats-officedocument.spreadsheetml.worksheet+xml"/>
  <Override PartName="/xl/worksheets/sheet191.xml" ContentType="application/vnd.openxmlformats-officedocument.spreadsheetml.worksheet+xml"/>
  <Override PartName="/xl/worksheets/sheet192.xml" ContentType="application/vnd.openxmlformats-officedocument.spreadsheetml.worksheet+xml"/>
  <Override PartName="/xl/worksheets/sheet193.xml" ContentType="application/vnd.openxmlformats-officedocument.spreadsheetml.worksheet+xml"/>
  <Override PartName="/xl/worksheets/sheet194.xml" ContentType="application/vnd.openxmlformats-officedocument.spreadsheetml.worksheet+xml"/>
  <Override PartName="/xl/worksheets/sheet195.xml" ContentType="application/vnd.openxmlformats-officedocument.spreadsheetml.worksheet+xml"/>
  <Override PartName="/xl/worksheets/sheet196.xml" ContentType="application/vnd.openxmlformats-officedocument.spreadsheetml.worksheet+xml"/>
  <Override PartName="/xl/worksheets/sheet197.xml" ContentType="application/vnd.openxmlformats-officedocument.spreadsheetml.worksheet+xml"/>
  <Override PartName="/xl/worksheets/sheet198.xml" ContentType="application/vnd.openxmlformats-officedocument.spreadsheetml.worksheet+xml"/>
  <Override PartName="/xl/worksheets/sheet199.xml" ContentType="application/vnd.openxmlformats-officedocument.spreadsheetml.worksheet+xml"/>
  <Override PartName="/xl/worksheets/sheet200.xml" ContentType="application/vnd.openxmlformats-officedocument.spreadsheetml.worksheet+xml"/>
  <Override PartName="/xl/worksheets/sheet201.xml" ContentType="application/vnd.openxmlformats-officedocument.spreadsheetml.worksheet+xml"/>
  <Override PartName="/xl/worksheets/sheet202.xml" ContentType="application/vnd.openxmlformats-officedocument.spreadsheetml.worksheet+xml"/>
  <Override PartName="/xl/worksheets/sheet203.xml" ContentType="application/vnd.openxmlformats-officedocument.spreadsheetml.worksheet+xml"/>
  <Override PartName="/xl/worksheets/sheet204.xml" ContentType="application/vnd.openxmlformats-officedocument.spreadsheetml.worksheet+xml"/>
  <Override PartName="/xl/worksheets/sheet205.xml" ContentType="application/vnd.openxmlformats-officedocument.spreadsheetml.worksheet+xml"/>
  <Override PartName="/xl/worksheets/sheet206.xml" ContentType="application/vnd.openxmlformats-officedocument.spreadsheetml.worksheet+xml"/>
  <Override PartName="/xl/worksheets/sheet207.xml" ContentType="application/vnd.openxmlformats-officedocument.spreadsheetml.worksheet+xml"/>
  <Override PartName="/xl/worksheets/sheet208.xml" ContentType="application/vnd.openxmlformats-officedocument.spreadsheetml.worksheet+xml"/>
  <Override PartName="/xl/worksheets/sheet209.xml" ContentType="application/vnd.openxmlformats-officedocument.spreadsheetml.worksheet+xml"/>
  <Override PartName="/xl/worksheets/sheet210.xml" ContentType="application/vnd.openxmlformats-officedocument.spreadsheetml.worksheet+xml"/>
  <Override PartName="/xl/worksheets/sheet211.xml" ContentType="application/vnd.openxmlformats-officedocument.spreadsheetml.worksheet+xml"/>
  <Override PartName="/xl/worksheets/sheet212.xml" ContentType="application/vnd.openxmlformats-officedocument.spreadsheetml.worksheet+xml"/>
  <Override PartName="/xl/worksheets/sheet213.xml" ContentType="application/vnd.openxmlformats-officedocument.spreadsheetml.worksheet+xml"/>
  <Override PartName="/xl/worksheets/sheet214.xml" ContentType="application/vnd.openxmlformats-officedocument.spreadsheetml.worksheet+xml"/>
  <Override PartName="/xl/worksheets/sheet215.xml" ContentType="application/vnd.openxmlformats-officedocument.spreadsheetml.worksheet+xml"/>
  <Override PartName="/xl/worksheets/sheet216.xml" ContentType="application/vnd.openxmlformats-officedocument.spreadsheetml.worksheet+xml"/>
  <Override PartName="/xl/worksheets/sheet217.xml" ContentType="application/vnd.openxmlformats-officedocument.spreadsheetml.worksheet+xml"/>
  <Override PartName="/xl/worksheets/sheet218.xml" ContentType="application/vnd.openxmlformats-officedocument.spreadsheetml.worksheet+xml"/>
  <Override PartName="/xl/worksheets/sheet219.xml" ContentType="application/vnd.openxmlformats-officedocument.spreadsheetml.worksheet+xml"/>
  <Override PartName="/xl/worksheets/sheet220.xml" ContentType="application/vnd.openxmlformats-officedocument.spreadsheetml.worksheet+xml"/>
  <Override PartName="/xl/worksheets/sheet221.xml" ContentType="application/vnd.openxmlformats-officedocument.spreadsheetml.worksheet+xml"/>
  <Override PartName="/xl/worksheets/sheet222.xml" ContentType="application/vnd.openxmlformats-officedocument.spreadsheetml.worksheet+xml"/>
  <Override PartName="/xl/worksheets/sheet223.xml" ContentType="application/vnd.openxmlformats-officedocument.spreadsheetml.worksheet+xml"/>
  <Override PartName="/xl/worksheets/sheet224.xml" ContentType="application/vnd.openxmlformats-officedocument.spreadsheetml.worksheet+xml"/>
  <Override PartName="/xl/worksheets/sheet225.xml" ContentType="application/vnd.openxmlformats-officedocument.spreadsheetml.worksheet+xml"/>
  <Override PartName="/xl/worksheets/sheet226.xml" ContentType="application/vnd.openxmlformats-officedocument.spreadsheetml.worksheet+xml"/>
  <Override PartName="/xl/worksheets/sheet227.xml" ContentType="application/vnd.openxmlformats-officedocument.spreadsheetml.worksheet+xml"/>
  <Override PartName="/xl/worksheets/sheet228.xml" ContentType="application/vnd.openxmlformats-officedocument.spreadsheetml.worksheet+xml"/>
  <Override PartName="/xl/worksheets/sheet229.xml" ContentType="application/vnd.openxmlformats-officedocument.spreadsheetml.worksheet+xml"/>
  <Override PartName="/xl/worksheets/sheet230.xml" ContentType="application/vnd.openxmlformats-officedocument.spreadsheetml.worksheet+xml"/>
  <Override PartName="/xl/worksheets/sheet231.xml" ContentType="application/vnd.openxmlformats-officedocument.spreadsheetml.worksheet+xml"/>
  <Override PartName="/xl/worksheets/sheet232.xml" ContentType="application/vnd.openxmlformats-officedocument.spreadsheetml.worksheet+xml"/>
  <Override PartName="/xl/worksheets/sheet233.xml" ContentType="application/vnd.openxmlformats-officedocument.spreadsheetml.worksheet+xml"/>
  <Override PartName="/xl/worksheets/sheet234.xml" ContentType="application/vnd.openxmlformats-officedocument.spreadsheetml.worksheet+xml"/>
  <Override PartName="/xl/worksheets/sheet235.xml" ContentType="application/vnd.openxmlformats-officedocument.spreadsheetml.worksheet+xml"/>
  <Override PartName="/xl/worksheets/sheet236.xml" ContentType="application/vnd.openxmlformats-officedocument.spreadsheetml.worksheet+xml"/>
  <Override PartName="/xl/worksheets/sheet237.xml" ContentType="application/vnd.openxmlformats-officedocument.spreadsheetml.worksheet+xml"/>
  <Override PartName="/xl/worksheets/sheet238.xml" ContentType="application/vnd.openxmlformats-officedocument.spreadsheetml.worksheet+xml"/>
  <Override PartName="/xl/worksheets/sheet239.xml" ContentType="application/vnd.openxmlformats-officedocument.spreadsheetml.worksheet+xml"/>
  <Override PartName="/xl/worksheets/sheet240.xml" ContentType="application/vnd.openxmlformats-officedocument.spreadsheetml.worksheet+xml"/>
  <Override PartName="/xl/worksheets/sheet241.xml" ContentType="application/vnd.openxmlformats-officedocument.spreadsheetml.worksheet+xml"/>
  <Override PartName="/xl/worksheets/sheet242.xml" ContentType="application/vnd.openxmlformats-officedocument.spreadsheetml.worksheet+xml"/>
  <Override PartName="/xl/worksheets/sheet243.xml" ContentType="application/vnd.openxmlformats-officedocument.spreadsheetml.worksheet+xml"/>
  <Override PartName="/xl/worksheets/sheet244.xml" ContentType="application/vnd.openxmlformats-officedocument.spreadsheetml.worksheet+xml"/>
  <Override PartName="/xl/worksheets/sheet245.xml" ContentType="application/vnd.openxmlformats-officedocument.spreadsheetml.worksheet+xml"/>
  <Override PartName="/xl/worksheets/sheet246.xml" ContentType="application/vnd.openxmlformats-officedocument.spreadsheetml.worksheet+xml"/>
  <Override PartName="/xl/worksheets/sheet247.xml" ContentType="application/vnd.openxmlformats-officedocument.spreadsheetml.worksheet+xml"/>
  <Override PartName="/xl/worksheets/sheet248.xml" ContentType="application/vnd.openxmlformats-officedocument.spreadsheetml.worksheet+xml"/>
  <Override PartName="/xl/worksheets/sheet249.xml" ContentType="application/vnd.openxmlformats-officedocument.spreadsheetml.worksheet+xml"/>
  <Override PartName="/xl/worksheets/sheet250.xml" ContentType="application/vnd.openxmlformats-officedocument.spreadsheetml.worksheet+xml"/>
  <Override PartName="/xl/worksheets/sheet251.xml" ContentType="application/vnd.openxmlformats-officedocument.spreadsheetml.worksheet+xml"/>
  <Override PartName="/xl/worksheets/sheet252.xml" ContentType="application/vnd.openxmlformats-officedocument.spreadsheetml.worksheet+xml"/>
  <Override PartName="/xl/worksheets/sheet253.xml" ContentType="application/vnd.openxmlformats-officedocument.spreadsheetml.worksheet+xml"/>
  <Override PartName="/xl/worksheets/sheet254.xml" ContentType="application/vnd.openxmlformats-officedocument.spreadsheetml.worksheet+xml"/>
  <Override PartName="/xl/worksheets/sheet255.xml" ContentType="application/vnd.openxmlformats-officedocument.spreadsheetml.worksheet+xml"/>
  <Override PartName="/xl/worksheets/sheet256.xml" ContentType="application/vnd.openxmlformats-officedocument.spreadsheetml.worksheet+xml"/>
  <Override PartName="/xl/worksheets/sheet257.xml" ContentType="application/vnd.openxmlformats-officedocument.spreadsheetml.worksheet+xml"/>
  <Override PartName="/xl/worksheets/sheet258.xml" ContentType="application/vnd.openxmlformats-officedocument.spreadsheetml.worksheet+xml"/>
  <Override PartName="/xl/worksheets/sheet259.xml" ContentType="application/vnd.openxmlformats-officedocument.spreadsheetml.worksheet+xml"/>
  <Override PartName="/xl/worksheets/sheet260.xml" ContentType="application/vnd.openxmlformats-officedocument.spreadsheetml.worksheet+xml"/>
  <Override PartName="/xl/worksheets/sheet261.xml" ContentType="application/vnd.openxmlformats-officedocument.spreadsheetml.worksheet+xml"/>
  <Override PartName="/xl/worksheets/sheet262.xml" ContentType="application/vnd.openxmlformats-officedocument.spreadsheetml.worksheet+xml"/>
  <Override PartName="/xl/worksheets/sheet263.xml" ContentType="application/vnd.openxmlformats-officedocument.spreadsheetml.worksheet+xml"/>
  <Override PartName="/xl/worksheets/sheet264.xml" ContentType="application/vnd.openxmlformats-officedocument.spreadsheetml.worksheet+xml"/>
  <Override PartName="/xl/worksheets/sheet265.xml" ContentType="application/vnd.openxmlformats-officedocument.spreadsheetml.worksheet+xml"/>
  <Override PartName="/xl/worksheets/sheet266.xml" ContentType="application/vnd.openxmlformats-officedocument.spreadsheetml.worksheet+xml"/>
  <Override PartName="/xl/worksheets/sheet267.xml" ContentType="application/vnd.openxmlformats-officedocument.spreadsheetml.worksheet+xml"/>
  <Override PartName="/xl/worksheets/sheet268.xml" ContentType="application/vnd.openxmlformats-officedocument.spreadsheetml.worksheet+xml"/>
  <Override PartName="/xl/worksheets/sheet269.xml" ContentType="application/vnd.openxmlformats-officedocument.spreadsheetml.worksheet+xml"/>
  <Override PartName="/xl/worksheets/sheet270.xml" ContentType="application/vnd.openxmlformats-officedocument.spreadsheetml.worksheet+xml"/>
  <Override PartName="/xl/worksheets/sheet271.xml" ContentType="application/vnd.openxmlformats-officedocument.spreadsheetml.worksheet+xml"/>
  <Override PartName="/xl/worksheets/sheet272.xml" ContentType="application/vnd.openxmlformats-officedocument.spreadsheetml.worksheet+xml"/>
  <Override PartName="/xl/worksheets/sheet273.xml" ContentType="application/vnd.openxmlformats-officedocument.spreadsheetml.worksheet+xml"/>
  <Override PartName="/xl/worksheets/sheet274.xml" ContentType="application/vnd.openxmlformats-officedocument.spreadsheetml.worksheet+xml"/>
  <Override PartName="/xl/worksheets/sheet275.xml" ContentType="application/vnd.openxmlformats-officedocument.spreadsheetml.worksheet+xml"/>
  <Override PartName="/xl/worksheets/sheet276.xml" ContentType="application/vnd.openxmlformats-officedocument.spreadsheetml.worksheet+xml"/>
  <Override PartName="/xl/worksheets/sheet277.xml" ContentType="application/vnd.openxmlformats-officedocument.spreadsheetml.worksheet+xml"/>
  <Override PartName="/xl/worksheets/sheet278.xml" ContentType="application/vnd.openxmlformats-officedocument.spreadsheetml.worksheet+xml"/>
  <Override PartName="/xl/worksheets/sheet279.xml" ContentType="application/vnd.openxmlformats-officedocument.spreadsheetml.worksheet+xml"/>
  <Override PartName="/xl/worksheets/sheet280.xml" ContentType="application/vnd.openxmlformats-officedocument.spreadsheetml.worksheet+xml"/>
  <Override PartName="/xl/worksheets/sheet281.xml" ContentType="application/vnd.openxmlformats-officedocument.spreadsheetml.worksheet+xml"/>
  <Override PartName="/xl/worksheets/sheet28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xl/persons/person.xml" ContentType="application/vnd.ms-excel.perso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04\02_健康づくりＧ\90_歯科保健\9001_口腔衛生\09_県民歯科保健実態調査\12_県民時価保健実態調査（幼児、児童・生徒）\修正過程）報告書\"/>
    </mc:Choice>
  </mc:AlternateContent>
  <bookViews>
    <workbookView xWindow="4845" yWindow="2280" windowWidth="21600" windowHeight="13860" tabRatio="811"/>
  </bookViews>
  <sheets>
    <sheet name="3歳" sheetId="28" r:id="rId1"/>
    <sheet name="1" sheetId="32" r:id="rId2"/>
    <sheet name="2" sheetId="34" r:id="rId3"/>
    <sheet name="3" sheetId="35" r:id="rId4"/>
    <sheet name="4" sheetId="36" r:id="rId5"/>
    <sheet name="5" sheetId="37" r:id="rId6"/>
    <sheet name="6" sheetId="38" r:id="rId7"/>
    <sheet name="7" sheetId="39" r:id="rId8"/>
    <sheet name="8" sheetId="40" r:id="rId9"/>
    <sheet name="9" sheetId="41" r:id="rId10"/>
    <sheet name="10" sheetId="42" r:id="rId11"/>
    <sheet name="11" sheetId="44" r:id="rId12"/>
    <sheet name="12" sheetId="45" r:id="rId13"/>
    <sheet name="13" sheetId="46" r:id="rId14"/>
    <sheet name="14-1" sheetId="327" r:id="rId15"/>
    <sheet name="14-2" sheetId="47" r:id="rId16"/>
    <sheet name="15" sheetId="48" r:id="rId17"/>
    <sheet name="16" sheetId="49" r:id="rId18"/>
    <sheet name="17" sheetId="50" r:id="rId19"/>
    <sheet name="18" sheetId="52" r:id="rId20"/>
    <sheet name="19" sheetId="53" r:id="rId21"/>
    <sheet name="20" sheetId="54" r:id="rId22"/>
    <sheet name="21" sheetId="55" r:id="rId23"/>
    <sheet name="22" sheetId="56" r:id="rId24"/>
    <sheet name="23" sheetId="57" r:id="rId25"/>
    <sheet name="24" sheetId="58" r:id="rId26"/>
    <sheet name="25" sheetId="59" r:id="rId27"/>
    <sheet name="26" sheetId="60" r:id="rId28"/>
    <sheet name="27" sheetId="61" r:id="rId29"/>
    <sheet name="28" sheetId="62" r:id="rId30"/>
    <sheet name="29" sheetId="63" r:id="rId31"/>
    <sheet name="30" sheetId="64" r:id="rId32"/>
    <sheet name="31" sheetId="65" r:id="rId33"/>
    <sheet name="32" sheetId="66" r:id="rId34"/>
    <sheet name="33" sheetId="67" r:id="rId35"/>
    <sheet name="34" sheetId="329" r:id="rId36"/>
    <sheet name="35" sheetId="68" r:id="rId37"/>
    <sheet name="36" sheetId="69" r:id="rId38"/>
    <sheet name="37" sheetId="70" r:id="rId39"/>
    <sheet name="38" sheetId="71" r:id="rId40"/>
    <sheet name="39" sheetId="72" r:id="rId41"/>
    <sheet name="40" sheetId="73" r:id="rId42"/>
    <sheet name="41" sheetId="74" r:id="rId43"/>
    <sheet name="42" sheetId="76" r:id="rId44"/>
    <sheet name="43" sheetId="77" r:id="rId45"/>
    <sheet name="44" sheetId="78" r:id="rId46"/>
    <sheet name="45" sheetId="79" r:id="rId47"/>
    <sheet name="46" sheetId="80" r:id="rId48"/>
    <sheet name="47" sheetId="81" r:id="rId49"/>
    <sheet name="48" sheetId="82" r:id="rId50"/>
    <sheet name="49" sheetId="83" r:id="rId51"/>
    <sheet name="50" sheetId="84" r:id="rId52"/>
    <sheet name="51" sheetId="85" r:id="rId53"/>
    <sheet name="52" sheetId="86" r:id="rId54"/>
    <sheet name="53" sheetId="304" r:id="rId55"/>
    <sheet name="54" sheetId="87" r:id="rId56"/>
    <sheet name="55" sheetId="88" r:id="rId57"/>
    <sheet name="56" sheetId="89" r:id="rId58"/>
    <sheet name="57" sheetId="90" r:id="rId59"/>
    <sheet name="58" sheetId="91" r:id="rId60"/>
    <sheet name="59" sheetId="92" r:id="rId61"/>
    <sheet name="60" sheetId="93" r:id="rId62"/>
    <sheet name="61" sheetId="94" r:id="rId63"/>
    <sheet name="62" sheetId="95" r:id="rId64"/>
    <sheet name="63" sheetId="96" r:id="rId65"/>
    <sheet name="64" sheetId="97" r:id="rId66"/>
    <sheet name="65" sheetId="98" r:id="rId67"/>
    <sheet name="66" sheetId="99" r:id="rId68"/>
    <sheet name="67" sheetId="100" r:id="rId69"/>
    <sheet name="68" sheetId="101" r:id="rId70"/>
    <sheet name="69" sheetId="102" r:id="rId71"/>
    <sheet name="70" sheetId="103" r:id="rId72"/>
    <sheet name="71" sheetId="104" r:id="rId73"/>
    <sheet name="72" sheetId="305" r:id="rId74"/>
    <sheet name="73" sheetId="105" r:id="rId75"/>
    <sheet name="74" sheetId="106" r:id="rId76"/>
    <sheet name="75" sheetId="107" r:id="rId77"/>
    <sheet name="76" sheetId="108" r:id="rId78"/>
    <sheet name="77" sheetId="111" r:id="rId79"/>
    <sheet name="78" sheetId="112" r:id="rId80"/>
    <sheet name="79" sheetId="113" r:id="rId81"/>
    <sheet name="80" sheetId="115" r:id="rId82"/>
    <sheet name="81" sheetId="116" r:id="rId83"/>
    <sheet name="82" sheetId="117" r:id="rId84"/>
    <sheet name="83" sheetId="118" r:id="rId85"/>
    <sheet name="84" sheetId="119" r:id="rId86"/>
    <sheet name="85" sheetId="120" r:id="rId87"/>
    <sheet name="86" sheetId="121" r:id="rId88"/>
    <sheet name="87" sheetId="122" r:id="rId89"/>
    <sheet name="88" sheetId="123" r:id="rId90"/>
    <sheet name="89" sheetId="124" r:id="rId91"/>
    <sheet name="90" sheetId="125" r:id="rId92"/>
    <sheet name="91-1" sheetId="333" r:id="rId93"/>
    <sheet name="91-2" sheetId="306" r:id="rId94"/>
    <sheet name="92" sheetId="126" r:id="rId95"/>
    <sheet name="93" sheetId="127" r:id="rId96"/>
    <sheet name="94" sheetId="128" r:id="rId97"/>
    <sheet name="95" sheetId="129" r:id="rId98"/>
    <sheet name="96" sheetId="130" r:id="rId99"/>
    <sheet name="97" sheetId="131" r:id="rId100"/>
    <sheet name="98" sheetId="132" r:id="rId101"/>
    <sheet name="99" sheetId="133" r:id="rId102"/>
    <sheet name="100" sheetId="134" r:id="rId103"/>
    <sheet name="101" sheetId="135" r:id="rId104"/>
    <sheet name="102" sheetId="136" r:id="rId105"/>
    <sheet name="103" sheetId="307" r:id="rId106"/>
    <sheet name="104" sheetId="137" r:id="rId107"/>
    <sheet name="105" sheetId="141" r:id="rId108"/>
    <sheet name="106" sheetId="138" r:id="rId109"/>
    <sheet name="107" sheetId="139" r:id="rId110"/>
    <sheet name="108" sheetId="140" r:id="rId111"/>
    <sheet name="109" sheetId="142" r:id="rId112"/>
    <sheet name="110" sheetId="143" r:id="rId113"/>
    <sheet name="111" sheetId="144" r:id="rId114"/>
    <sheet name="112" sheetId="146" r:id="rId115"/>
    <sheet name="113" sheetId="147" r:id="rId116"/>
    <sheet name="114" sheetId="148" r:id="rId117"/>
    <sheet name="115-1" sheetId="335" r:id="rId118"/>
    <sheet name="115-2" sheetId="308" r:id="rId119"/>
    <sheet name="116" sheetId="149" r:id="rId120"/>
    <sheet name="117" sheetId="150" r:id="rId121"/>
    <sheet name="118" sheetId="151" r:id="rId122"/>
    <sheet name="119" sheetId="152" r:id="rId123"/>
    <sheet name="120" sheetId="153" r:id="rId124"/>
    <sheet name="121" sheetId="154" r:id="rId125"/>
    <sheet name="122" sheetId="155" r:id="rId126"/>
    <sheet name="123" sheetId="156" r:id="rId127"/>
    <sheet name="124" sheetId="157" r:id="rId128"/>
    <sheet name="125" sheetId="158" r:id="rId129"/>
    <sheet name="126" sheetId="159" r:id="rId130"/>
    <sheet name="127" sheetId="160" r:id="rId131"/>
    <sheet name="128" sheetId="161" r:id="rId132"/>
    <sheet name="129" sheetId="162" r:id="rId133"/>
    <sheet name="130" sheetId="163" r:id="rId134"/>
    <sheet name="131" sheetId="164" r:id="rId135"/>
    <sheet name="132" sheetId="309" r:id="rId136"/>
    <sheet name="133" sheetId="166" r:id="rId137"/>
    <sheet name="134" sheetId="167" r:id="rId138"/>
    <sheet name="135" sheetId="168" r:id="rId139"/>
    <sheet name="136" sheetId="169" r:id="rId140"/>
    <sheet name="137" sheetId="170" r:id="rId141"/>
    <sheet name="138" sheetId="171" r:id="rId142"/>
    <sheet name="139" sheetId="172" r:id="rId143"/>
    <sheet name="140" sheetId="173" r:id="rId144"/>
    <sheet name="141" sheetId="174" r:id="rId145"/>
    <sheet name="142" sheetId="175" r:id="rId146"/>
    <sheet name="143" sheetId="176" r:id="rId147"/>
    <sheet name="144" sheetId="177" r:id="rId148"/>
    <sheet name="145" sheetId="178" r:id="rId149"/>
    <sheet name="146" sheetId="179" r:id="rId150"/>
    <sheet name="147" sheetId="180" r:id="rId151"/>
    <sheet name="148" sheetId="310" r:id="rId152"/>
    <sheet name="149" sheetId="182" r:id="rId153"/>
    <sheet name="150" sheetId="183" r:id="rId154"/>
    <sheet name="151" sheetId="184" r:id="rId155"/>
    <sheet name="152" sheetId="185" r:id="rId156"/>
    <sheet name="153" sheetId="186" r:id="rId157"/>
    <sheet name="154" sheetId="187" r:id="rId158"/>
    <sheet name="155" sheetId="188" r:id="rId159"/>
    <sheet name="156" sheetId="189" r:id="rId160"/>
    <sheet name="157" sheetId="190" r:id="rId161"/>
    <sheet name="158" sheetId="191" r:id="rId162"/>
    <sheet name="159" sheetId="192" r:id="rId163"/>
    <sheet name="160" sheetId="193" r:id="rId164"/>
    <sheet name="161" sheetId="194" r:id="rId165"/>
    <sheet name="162" sheetId="195" r:id="rId166"/>
    <sheet name="163" sheetId="311" r:id="rId167"/>
    <sheet name="164" sheetId="197" r:id="rId168"/>
    <sheet name="165" sheetId="198" r:id="rId169"/>
    <sheet name="166" sheetId="199" r:id="rId170"/>
    <sheet name="167" sheetId="200" r:id="rId171"/>
    <sheet name="168" sheetId="201" r:id="rId172"/>
    <sheet name="169" sheetId="202" r:id="rId173"/>
    <sheet name="170" sheetId="203" r:id="rId174"/>
    <sheet name="171" sheetId="204" r:id="rId175"/>
    <sheet name="172" sheetId="205" r:id="rId176"/>
    <sheet name="173" sheetId="206" r:id="rId177"/>
    <sheet name="174" sheetId="207" r:id="rId178"/>
    <sheet name="175" sheetId="208" r:id="rId179"/>
    <sheet name="176" sheetId="209" r:id="rId180"/>
    <sheet name="177" sheetId="312" r:id="rId181"/>
    <sheet name="178" sheetId="211" r:id="rId182"/>
    <sheet name="179" sheetId="212" r:id="rId183"/>
    <sheet name="180" sheetId="213" r:id="rId184"/>
    <sheet name="181" sheetId="214" r:id="rId185"/>
    <sheet name="182" sheetId="215" r:id="rId186"/>
    <sheet name="183" sheetId="216" r:id="rId187"/>
    <sheet name="184" sheetId="217" r:id="rId188"/>
    <sheet name="185" sheetId="218" r:id="rId189"/>
    <sheet name="186" sheetId="219" r:id="rId190"/>
    <sheet name="187" sheetId="220" r:id="rId191"/>
    <sheet name="188" sheetId="221" r:id="rId192"/>
    <sheet name="189" sheetId="222" r:id="rId193"/>
    <sheet name="190" sheetId="313" r:id="rId194"/>
    <sheet name="191" sheetId="224" r:id="rId195"/>
    <sheet name="192" sheetId="225" r:id="rId196"/>
    <sheet name="193" sheetId="226" r:id="rId197"/>
    <sheet name="194" sheetId="227" r:id="rId198"/>
    <sheet name="195" sheetId="228" r:id="rId199"/>
    <sheet name="196" sheetId="229" r:id="rId200"/>
    <sheet name="197" sheetId="230" r:id="rId201"/>
    <sheet name="198" sheetId="231" r:id="rId202"/>
    <sheet name="199" sheetId="232" r:id="rId203"/>
    <sheet name="200" sheetId="233" r:id="rId204"/>
    <sheet name="201" sheetId="234" r:id="rId205"/>
    <sheet name="202" sheetId="314" r:id="rId206"/>
    <sheet name="203" sheetId="236" r:id="rId207"/>
    <sheet name="204" sheetId="237" r:id="rId208"/>
    <sheet name="205" sheetId="238" r:id="rId209"/>
    <sheet name="206" sheetId="239" r:id="rId210"/>
    <sheet name="207" sheetId="240" r:id="rId211"/>
    <sheet name="208" sheetId="241" r:id="rId212"/>
    <sheet name="209" sheetId="242" r:id="rId213"/>
    <sheet name="210" sheetId="243" r:id="rId214"/>
    <sheet name="211" sheetId="244" r:id="rId215"/>
    <sheet name="212" sheetId="245" r:id="rId216"/>
    <sheet name="213" sheetId="315" r:id="rId217"/>
    <sheet name="214" sheetId="247" r:id="rId218"/>
    <sheet name="215" sheetId="248" r:id="rId219"/>
    <sheet name="216" sheetId="249" r:id="rId220"/>
    <sheet name="217" sheetId="250" r:id="rId221"/>
    <sheet name="218" sheetId="251" r:id="rId222"/>
    <sheet name="219" sheetId="261" r:id="rId223"/>
    <sheet name="220" sheetId="252" r:id="rId224"/>
    <sheet name="221" sheetId="253" r:id="rId225"/>
    <sheet name="222" sheetId="254" r:id="rId226"/>
    <sheet name="223" sheetId="316" r:id="rId227"/>
    <sheet name="224" sheetId="256" r:id="rId228"/>
    <sheet name="225" sheetId="257" r:id="rId229"/>
    <sheet name="226" sheetId="258" r:id="rId230"/>
    <sheet name="227" sheetId="259" r:id="rId231"/>
    <sheet name="228" sheetId="260" r:id="rId232"/>
    <sheet name="229" sheetId="262" r:id="rId233"/>
    <sheet name="230" sheetId="263" r:id="rId234"/>
    <sheet name="231" sheetId="264" r:id="rId235"/>
    <sheet name="232" sheetId="317" r:id="rId236"/>
    <sheet name="233" sheetId="266" r:id="rId237"/>
    <sheet name="234" sheetId="267" r:id="rId238"/>
    <sheet name="235" sheetId="268" r:id="rId239"/>
    <sheet name="236" sheetId="269" r:id="rId240"/>
    <sheet name="237" sheetId="270" r:id="rId241"/>
    <sheet name="238" sheetId="271" r:id="rId242"/>
    <sheet name="239" sheetId="272" r:id="rId243"/>
    <sheet name="240" sheetId="318" r:id="rId244"/>
    <sheet name="241" sheetId="274" r:id="rId245"/>
    <sheet name="242" sheetId="275" r:id="rId246"/>
    <sheet name="243" sheetId="276" r:id="rId247"/>
    <sheet name="244" sheetId="277" r:id="rId248"/>
    <sheet name="245" sheetId="278" r:id="rId249"/>
    <sheet name="246" sheetId="285" r:id="rId250"/>
    <sheet name="247" sheetId="319" r:id="rId251"/>
    <sheet name="248" sheetId="280" r:id="rId252"/>
    <sheet name="249" sheetId="281" r:id="rId253"/>
    <sheet name="250" sheetId="282" r:id="rId254"/>
    <sheet name="251" sheetId="283" r:id="rId255"/>
    <sheet name="252" sheetId="284" r:id="rId256"/>
    <sheet name="253" sheetId="320" r:id="rId257"/>
    <sheet name="254" sheetId="287" r:id="rId258"/>
    <sheet name="255" sheetId="288" r:id="rId259"/>
    <sheet name="256" sheetId="289" r:id="rId260"/>
    <sheet name="257" sheetId="290" r:id="rId261"/>
    <sheet name="258" sheetId="291" r:id="rId262"/>
    <sheet name="259" sheetId="292" r:id="rId263"/>
    <sheet name="260-1" sheetId="336" r:id="rId264"/>
    <sheet name="260-2" sheetId="321" r:id="rId265"/>
    <sheet name="261-1" sheetId="337" r:id="rId266"/>
    <sheet name="261-2" sheetId="322" r:id="rId267"/>
    <sheet name="262-1" sheetId="338" r:id="rId268"/>
    <sheet name="262-2" sheetId="323" r:id="rId269"/>
    <sheet name="263-1" sheetId="339" r:id="rId270"/>
    <sheet name="263-2" sheetId="324" r:id="rId271"/>
    <sheet name="264-1" sheetId="340" r:id="rId272"/>
    <sheet name="264-2" sheetId="325" r:id="rId273"/>
    <sheet name="265" sheetId="293" r:id="rId274"/>
    <sheet name="266" sheetId="294" r:id="rId275"/>
    <sheet name="267" sheetId="295" r:id="rId276"/>
    <sheet name="268" sheetId="296" r:id="rId277"/>
    <sheet name="269" sheetId="297" r:id="rId278"/>
    <sheet name="270" sheetId="298" r:id="rId279"/>
    <sheet name="271" sheetId="299" r:id="rId280"/>
    <sheet name="272" sheetId="300" r:id="rId281"/>
    <sheet name="273" sheetId="301" r:id="rId282"/>
  </sheets>
  <definedNames>
    <definedName name="_xlnm.Print_Area" localSheetId="0">'3歳'!$A$1:$V$27</definedName>
  </definedNames>
  <calcPr calcId="162913"/>
</workbook>
</file>

<file path=xl/sharedStrings.xml><?xml version="1.0" encoding="utf-8"?>
<sst xmlns="http://schemas.openxmlformats.org/spreadsheetml/2006/main" count="5543" uniqueCount="813">
  <si>
    <t>性別</t>
    <rPh sb="0" eb="2">
      <t>セイベツ</t>
    </rPh>
    <phoneticPr fontId="1"/>
  </si>
  <si>
    <t>出生順位</t>
    <rPh sb="0" eb="2">
      <t>シュッセイ</t>
    </rPh>
    <rPh sb="2" eb="4">
      <t>ジュンイ</t>
    </rPh>
    <phoneticPr fontId="1"/>
  </si>
  <si>
    <t>兄弟姉妹数</t>
    <rPh sb="0" eb="2">
      <t>キョウダイ</t>
    </rPh>
    <rPh sb="2" eb="4">
      <t>シマイ</t>
    </rPh>
    <rPh sb="4" eb="5">
      <t>スウ</t>
    </rPh>
    <phoneticPr fontId="1"/>
  </si>
  <si>
    <t>咀嚼状況</t>
    <rPh sb="0" eb="2">
      <t>ソシャク</t>
    </rPh>
    <rPh sb="2" eb="4">
      <t>ジョウキョウ</t>
    </rPh>
    <phoneticPr fontId="1"/>
  </si>
  <si>
    <t>咀嚼食品の取入</t>
    <rPh sb="0" eb="2">
      <t>ソシャク</t>
    </rPh>
    <rPh sb="2" eb="4">
      <t>ショクヒン</t>
    </rPh>
    <rPh sb="5" eb="7">
      <t>トリイレ</t>
    </rPh>
    <phoneticPr fontId="1"/>
  </si>
  <si>
    <t>甘味菓子摂取頻度</t>
    <rPh sb="0" eb="2">
      <t>カンミ</t>
    </rPh>
    <rPh sb="2" eb="4">
      <t>ガシ</t>
    </rPh>
    <rPh sb="4" eb="6">
      <t>セッシュ</t>
    </rPh>
    <rPh sb="6" eb="8">
      <t>ヒンド</t>
    </rPh>
    <phoneticPr fontId="1"/>
  </si>
  <si>
    <t>歯みがき頻度</t>
    <rPh sb="0" eb="1">
      <t>ハ</t>
    </rPh>
    <rPh sb="4" eb="6">
      <t>ヒンド</t>
    </rPh>
    <phoneticPr fontId="1"/>
  </si>
  <si>
    <t>フッ素歯磨剤使用有無</t>
    <rPh sb="2" eb="3">
      <t>ソ</t>
    </rPh>
    <rPh sb="3" eb="4">
      <t>ハ</t>
    </rPh>
    <rPh sb="4" eb="5">
      <t>ミガ</t>
    </rPh>
    <rPh sb="5" eb="6">
      <t>ザイ</t>
    </rPh>
    <rPh sb="6" eb="8">
      <t>シヨウ</t>
    </rPh>
    <rPh sb="8" eb="10">
      <t>ウム</t>
    </rPh>
    <phoneticPr fontId="1"/>
  </si>
  <si>
    <t>歯科受診経験有無</t>
    <rPh sb="0" eb="2">
      <t>シカ</t>
    </rPh>
    <rPh sb="2" eb="4">
      <t>ジュシン</t>
    </rPh>
    <rPh sb="4" eb="6">
      <t>ケイケン</t>
    </rPh>
    <rPh sb="6" eb="8">
      <t>ウム</t>
    </rPh>
    <phoneticPr fontId="1"/>
  </si>
  <si>
    <t>かかりつけ歯科有無</t>
    <rPh sb="5" eb="7">
      <t>シカ</t>
    </rPh>
    <rPh sb="7" eb="9">
      <t>ウム</t>
    </rPh>
    <phoneticPr fontId="1"/>
  </si>
  <si>
    <t>受診内容</t>
    <rPh sb="0" eb="2">
      <t>ジュシン</t>
    </rPh>
    <rPh sb="2" eb="4">
      <t>ナイヨウ</t>
    </rPh>
    <phoneticPr fontId="1"/>
  </si>
  <si>
    <t>甘味飲料摂取頻度</t>
    <rPh sb="0" eb="2">
      <t>カンミ</t>
    </rPh>
    <rPh sb="2" eb="4">
      <t>インリョウ</t>
    </rPh>
    <rPh sb="4" eb="6">
      <t>セッシュ</t>
    </rPh>
    <rPh sb="6" eb="8">
      <t>ヒンド</t>
    </rPh>
    <phoneticPr fontId="1"/>
  </si>
  <si>
    <t>むし歯有無</t>
    <rPh sb="2" eb="3">
      <t>バ</t>
    </rPh>
    <rPh sb="3" eb="5">
      <t>ウム</t>
    </rPh>
    <phoneticPr fontId="1"/>
  </si>
  <si>
    <t>属性</t>
    <rPh sb="0" eb="2">
      <t>ゾクセイ</t>
    </rPh>
    <phoneticPr fontId="1"/>
  </si>
  <si>
    <t>口腔機能</t>
    <rPh sb="0" eb="2">
      <t>コウクウ</t>
    </rPh>
    <rPh sb="2" eb="4">
      <t>キノウ</t>
    </rPh>
    <phoneticPr fontId="1"/>
  </si>
  <si>
    <t>歯科保健行動</t>
    <rPh sb="0" eb="2">
      <t>シカ</t>
    </rPh>
    <rPh sb="2" eb="4">
      <t>ホケン</t>
    </rPh>
    <rPh sb="4" eb="6">
      <t>コウドウ</t>
    </rPh>
    <phoneticPr fontId="1"/>
  </si>
  <si>
    <t>住所地域</t>
    <rPh sb="0" eb="2">
      <t>ジュウショ</t>
    </rPh>
    <rPh sb="2" eb="4">
      <t>チイキ</t>
    </rPh>
    <phoneticPr fontId="1"/>
  </si>
  <si>
    <t>保護者の仕上げみがき</t>
    <rPh sb="0" eb="3">
      <t>ホゴシャ</t>
    </rPh>
    <rPh sb="4" eb="6">
      <t>シア</t>
    </rPh>
    <phoneticPr fontId="1"/>
  </si>
  <si>
    <t>保護者負担感</t>
    <rPh sb="0" eb="3">
      <t>ホゴシャ</t>
    </rPh>
    <rPh sb="3" eb="6">
      <t>フタンカン</t>
    </rPh>
    <phoneticPr fontId="1"/>
  </si>
  <si>
    <t>歯科恐怖・拒否</t>
    <rPh sb="0" eb="2">
      <t>シカ</t>
    </rPh>
    <rPh sb="2" eb="4">
      <t>キョウフ</t>
    </rPh>
    <rPh sb="5" eb="7">
      <t>キョヒ</t>
    </rPh>
    <phoneticPr fontId="1"/>
  </si>
  <si>
    <t>むし歯本数</t>
    <rPh sb="2" eb="3">
      <t>バ</t>
    </rPh>
    <rPh sb="3" eb="5">
      <t>ホンスウ</t>
    </rPh>
    <phoneticPr fontId="1"/>
  </si>
  <si>
    <t>テレビ・ビデオ等習慣</t>
    <rPh sb="7" eb="8">
      <t>トウ</t>
    </rPh>
    <rPh sb="8" eb="10">
      <t>シュウカン</t>
    </rPh>
    <phoneticPr fontId="1"/>
  </si>
  <si>
    <t>受診のすすめ</t>
    <rPh sb="0" eb="2">
      <t>ジュシン</t>
    </rPh>
    <phoneticPr fontId="1"/>
  </si>
  <si>
    <t>続柄</t>
    <rPh sb="0" eb="2">
      <t>ツヅキガラ</t>
    </rPh>
    <phoneticPr fontId="1"/>
  </si>
  <si>
    <t>フッ化物塗布有無</t>
    <rPh sb="2" eb="3">
      <t>カ</t>
    </rPh>
    <rPh sb="3" eb="4">
      <t>ブツ</t>
    </rPh>
    <rPh sb="4" eb="6">
      <t>トフ</t>
    </rPh>
    <rPh sb="6" eb="8">
      <t>ウム</t>
    </rPh>
    <phoneticPr fontId="1"/>
  </si>
  <si>
    <t>フッ化物塗布有無</t>
    <phoneticPr fontId="1"/>
  </si>
  <si>
    <t>二次医療圏</t>
    <rPh sb="0" eb="2">
      <t>ニジ</t>
    </rPh>
    <rPh sb="2" eb="4">
      <t>イリョウ</t>
    </rPh>
    <rPh sb="4" eb="5">
      <t>ケン</t>
    </rPh>
    <phoneticPr fontId="5"/>
  </si>
  <si>
    <t>不明</t>
    <rPh sb="0" eb="2">
      <t>フメイ</t>
    </rPh>
    <phoneticPr fontId="5"/>
  </si>
  <si>
    <t>合計</t>
    <rPh sb="0" eb="2">
      <t>ゴウケイ</t>
    </rPh>
    <phoneticPr fontId="5"/>
  </si>
  <si>
    <t>合計</t>
  </si>
  <si>
    <t>横浜市</t>
  </si>
  <si>
    <t>川崎市</t>
  </si>
  <si>
    <t>相模原</t>
  </si>
  <si>
    <t>湘南東部</t>
  </si>
  <si>
    <t>湘南西部</t>
  </si>
  <si>
    <t>県央</t>
  </si>
  <si>
    <t>県西</t>
  </si>
  <si>
    <t>問4　お子様の食事に、噛みごたえのある食べ物を取り入れていますか。</t>
    <phoneticPr fontId="1"/>
  </si>
  <si>
    <t>横須賀・
三浦</t>
    <phoneticPr fontId="1"/>
  </si>
  <si>
    <t>咀嚼食品の取入（問4）</t>
    <rPh sb="8" eb="9">
      <t>トイ</t>
    </rPh>
    <phoneticPr fontId="1"/>
  </si>
  <si>
    <t>2</t>
    <phoneticPr fontId="1"/>
  </si>
  <si>
    <t>3</t>
    <phoneticPr fontId="1"/>
  </si>
  <si>
    <t>不明</t>
  </si>
  <si>
    <t>表1　住所地域と咀嚼食品の取入</t>
    <rPh sb="0" eb="1">
      <t>ヒョウ</t>
    </rPh>
    <phoneticPr fontId="1"/>
  </si>
  <si>
    <t>問5　お子様は食事のとき、よく噛んで食べていますか。</t>
    <phoneticPr fontId="1"/>
  </si>
  <si>
    <t>咀嚼状況（問5）</t>
    <rPh sb="5" eb="6">
      <t>トイ</t>
    </rPh>
    <phoneticPr fontId="1"/>
  </si>
  <si>
    <t>よく嚙んで食べる</t>
  </si>
  <si>
    <t>あまり嚙まずに食べる</t>
  </si>
  <si>
    <t>ほとんど嚙まない</t>
  </si>
  <si>
    <t>わからない</t>
  </si>
  <si>
    <t>表2　住所地域と咀嚼状況</t>
    <rPh sb="0" eb="1">
      <t>ヒョウ</t>
    </rPh>
    <phoneticPr fontId="1"/>
  </si>
  <si>
    <t>11</t>
    <phoneticPr fontId="1"/>
  </si>
  <si>
    <t>12</t>
    <phoneticPr fontId="1"/>
  </si>
  <si>
    <t>1</t>
    <phoneticPr fontId="1"/>
  </si>
  <si>
    <t>4</t>
    <phoneticPr fontId="1"/>
  </si>
  <si>
    <t>5</t>
    <phoneticPr fontId="1"/>
  </si>
  <si>
    <t>6</t>
    <phoneticPr fontId="1"/>
  </si>
  <si>
    <t>7</t>
    <phoneticPr fontId="1"/>
  </si>
  <si>
    <t>8</t>
    <phoneticPr fontId="1"/>
  </si>
  <si>
    <t>9</t>
    <phoneticPr fontId="1"/>
  </si>
  <si>
    <t>10</t>
    <phoneticPr fontId="1"/>
  </si>
  <si>
    <t>20</t>
    <phoneticPr fontId="1"/>
  </si>
  <si>
    <t xml:space="preserve"> </t>
    <phoneticPr fontId="1"/>
  </si>
  <si>
    <t>36</t>
    <phoneticPr fontId="1"/>
  </si>
  <si>
    <t>37</t>
    <phoneticPr fontId="1"/>
  </si>
  <si>
    <t>38</t>
    <phoneticPr fontId="1"/>
  </si>
  <si>
    <t>39</t>
    <phoneticPr fontId="1"/>
  </si>
  <si>
    <t>55</t>
    <phoneticPr fontId="1"/>
  </si>
  <si>
    <t>56</t>
    <phoneticPr fontId="1"/>
  </si>
  <si>
    <t>57</t>
    <phoneticPr fontId="1"/>
  </si>
  <si>
    <t>58</t>
    <phoneticPr fontId="1"/>
  </si>
  <si>
    <t>74</t>
    <phoneticPr fontId="1"/>
  </si>
  <si>
    <t>75</t>
    <phoneticPr fontId="1"/>
  </si>
  <si>
    <t>76</t>
    <phoneticPr fontId="1"/>
  </si>
  <si>
    <t>77</t>
    <phoneticPr fontId="1"/>
  </si>
  <si>
    <t>93</t>
    <phoneticPr fontId="1"/>
  </si>
  <si>
    <t>96</t>
    <phoneticPr fontId="1"/>
  </si>
  <si>
    <t>97</t>
    <phoneticPr fontId="1"/>
  </si>
  <si>
    <t>100</t>
    <phoneticPr fontId="1"/>
  </si>
  <si>
    <t>109</t>
    <phoneticPr fontId="1"/>
  </si>
  <si>
    <t>112</t>
    <phoneticPr fontId="1"/>
  </si>
  <si>
    <t>121</t>
    <phoneticPr fontId="1"/>
  </si>
  <si>
    <t>138</t>
    <phoneticPr fontId="1"/>
  </si>
  <si>
    <t>154</t>
    <phoneticPr fontId="1"/>
  </si>
  <si>
    <t>169</t>
    <phoneticPr fontId="1"/>
  </si>
  <si>
    <t>183</t>
    <phoneticPr fontId="1"/>
  </si>
  <si>
    <t>196</t>
    <phoneticPr fontId="1"/>
  </si>
  <si>
    <t>208</t>
    <phoneticPr fontId="1"/>
  </si>
  <si>
    <t>219</t>
    <phoneticPr fontId="1"/>
  </si>
  <si>
    <t>229</t>
    <phoneticPr fontId="1"/>
  </si>
  <si>
    <t>238</t>
    <phoneticPr fontId="1"/>
  </si>
  <si>
    <t>246</t>
    <phoneticPr fontId="1"/>
  </si>
  <si>
    <t>253</t>
    <phoneticPr fontId="1"/>
  </si>
  <si>
    <t>259</t>
    <phoneticPr fontId="1"/>
  </si>
  <si>
    <t>表3　住所地域とテレビ・ビデオ等習慣</t>
    <rPh sb="0" eb="1">
      <t>ヒョウ</t>
    </rPh>
    <rPh sb="15" eb="16">
      <t>トウ</t>
    </rPh>
    <rPh sb="16" eb="18">
      <t>シュウカン</t>
    </rPh>
    <phoneticPr fontId="1"/>
  </si>
  <si>
    <t>問6　お子様は食事のとき、テレビ、ビデオ又はスマートフォンなどの映像を見て食べることはどれくらいありますか。</t>
    <rPh sb="20" eb="21">
      <t>マタ</t>
    </rPh>
    <rPh sb="32" eb="34">
      <t>エイゾウ</t>
    </rPh>
    <rPh sb="35" eb="36">
      <t>ミ</t>
    </rPh>
    <rPh sb="37" eb="38">
      <t>タ</t>
    </rPh>
    <phoneticPr fontId="1"/>
  </si>
  <si>
    <t>表4　住所地域と甘味菓子摂取頻度</t>
    <rPh sb="0" eb="1">
      <t>ヒョウ</t>
    </rPh>
    <rPh sb="8" eb="12">
      <t>カンミカシ</t>
    </rPh>
    <rPh sb="12" eb="16">
      <t>セッシュヒンド</t>
    </rPh>
    <phoneticPr fontId="1"/>
  </si>
  <si>
    <t>甘味菓子摂取頻度（問7）</t>
    <rPh sb="0" eb="4">
      <t>カンミカシ</t>
    </rPh>
    <rPh sb="4" eb="6">
      <t>セッシュ</t>
    </rPh>
    <rPh sb="6" eb="8">
      <t>ヒンド</t>
    </rPh>
    <rPh sb="9" eb="10">
      <t>トイ</t>
    </rPh>
    <phoneticPr fontId="1"/>
  </si>
  <si>
    <t>問7　お子様は、甘いお菓子（アメ、チョコ、ガム、アイス、スナック菓子など）を食べますか。</t>
    <rPh sb="8" eb="9">
      <t>アマ</t>
    </rPh>
    <rPh sb="11" eb="13">
      <t>カシ</t>
    </rPh>
    <rPh sb="32" eb="34">
      <t>カシ</t>
    </rPh>
    <rPh sb="38" eb="39">
      <t>タ</t>
    </rPh>
    <phoneticPr fontId="1"/>
  </si>
  <si>
    <t>表6　住所地域と甘味飲料摂取頻度</t>
    <rPh sb="0" eb="1">
      <t>ヒョウ</t>
    </rPh>
    <rPh sb="8" eb="12">
      <t>カンミインリョウ</t>
    </rPh>
    <rPh sb="12" eb="14">
      <t>セッシュ</t>
    </rPh>
    <rPh sb="14" eb="16">
      <t>ヒンド</t>
    </rPh>
    <phoneticPr fontId="1"/>
  </si>
  <si>
    <t>甘味飲料摂取頻度（問8）</t>
    <rPh sb="0" eb="4">
      <t>カンミインリョウ</t>
    </rPh>
    <rPh sb="4" eb="6">
      <t>セッシュ</t>
    </rPh>
    <rPh sb="6" eb="8">
      <t>ヒンド</t>
    </rPh>
    <rPh sb="9" eb="10">
      <t>トイ</t>
    </rPh>
    <phoneticPr fontId="1"/>
  </si>
  <si>
    <t>問8　お子様は、甘い飲み物（乳酸菌飲料、ジュース、スポーツドリンクなど）を飲みますか。</t>
    <rPh sb="4" eb="6">
      <t>コサマ</t>
    </rPh>
    <rPh sb="8" eb="9">
      <t>アマ</t>
    </rPh>
    <rPh sb="10" eb="11">
      <t>ノ</t>
    </rPh>
    <rPh sb="12" eb="13">
      <t>モノ</t>
    </rPh>
    <rPh sb="14" eb="17">
      <t>ニュウサンキン</t>
    </rPh>
    <rPh sb="17" eb="19">
      <t>インリョウ</t>
    </rPh>
    <rPh sb="37" eb="38">
      <t>ノ</t>
    </rPh>
    <phoneticPr fontId="1"/>
  </si>
  <si>
    <t>ふつうに嚙んで食べる</t>
    <phoneticPr fontId="1"/>
  </si>
  <si>
    <t>飲む回数（問8-1）</t>
    <rPh sb="0" eb="1">
      <t>ノ</t>
    </rPh>
    <rPh sb="2" eb="4">
      <t>カイスウ</t>
    </rPh>
    <rPh sb="5" eb="6">
      <t>トイ</t>
    </rPh>
    <phoneticPr fontId="1"/>
  </si>
  <si>
    <t>食べる回数（問7-1）</t>
    <rPh sb="0" eb="1">
      <t>タ</t>
    </rPh>
    <rPh sb="3" eb="5">
      <t>カイスウ</t>
    </rPh>
    <rPh sb="6" eb="7">
      <t>トイ</t>
    </rPh>
    <phoneticPr fontId="1"/>
  </si>
  <si>
    <t>問9　お子様の歯をみがく頻度(保護者による仕上げみがきを含む)を教えてください。</t>
    <phoneticPr fontId="1"/>
  </si>
  <si>
    <t>問10　お子様が歯をみがく時、保護者による仕上げみがきをしていますか。</t>
    <phoneticPr fontId="1"/>
  </si>
  <si>
    <t>映像を見ながら食事習慣（問6）</t>
    <rPh sb="0" eb="2">
      <t>エイゾウ</t>
    </rPh>
    <rPh sb="3" eb="4">
      <t>ミ</t>
    </rPh>
    <rPh sb="7" eb="9">
      <t>ショクジ</t>
    </rPh>
    <rPh sb="9" eb="11">
      <t>シュウカン</t>
    </rPh>
    <rPh sb="12" eb="13">
      <t>トイ</t>
    </rPh>
    <phoneticPr fontId="1"/>
  </si>
  <si>
    <t>264</t>
    <phoneticPr fontId="1"/>
  </si>
  <si>
    <t>268</t>
    <phoneticPr fontId="1"/>
  </si>
  <si>
    <t>表8　住所地域と歯みがき頻度</t>
    <rPh sb="0" eb="1">
      <t>ヒョウ</t>
    </rPh>
    <rPh sb="8" eb="9">
      <t>ハ</t>
    </rPh>
    <rPh sb="12" eb="14">
      <t>ヒンド</t>
    </rPh>
    <phoneticPr fontId="1"/>
  </si>
  <si>
    <t>歯みがき頻度（問9）</t>
    <rPh sb="0" eb="1">
      <t>ハ</t>
    </rPh>
    <rPh sb="4" eb="6">
      <t>ヒンド</t>
    </rPh>
    <rPh sb="7" eb="8">
      <t>トイ</t>
    </rPh>
    <phoneticPr fontId="1"/>
  </si>
  <si>
    <t>表10　住所地域と保護者の仕上げみがき</t>
    <rPh sb="0" eb="1">
      <t>ヒョウ</t>
    </rPh>
    <rPh sb="9" eb="12">
      <t>ホゴシャ</t>
    </rPh>
    <rPh sb="13" eb="15">
      <t>シア</t>
    </rPh>
    <phoneticPr fontId="1"/>
  </si>
  <si>
    <t>保護者の仕上げみがき（問10）</t>
    <rPh sb="0" eb="3">
      <t>ホゴシャ</t>
    </rPh>
    <rPh sb="4" eb="6">
      <t>シア</t>
    </rPh>
    <rPh sb="11" eb="12">
      <t>トイ</t>
    </rPh>
    <phoneticPr fontId="1"/>
  </si>
  <si>
    <t>保護者負担感（問11）</t>
    <rPh sb="0" eb="3">
      <t>ホゴシャ</t>
    </rPh>
    <rPh sb="3" eb="6">
      <t>フタンカン</t>
    </rPh>
    <rPh sb="7" eb="8">
      <t>トイ</t>
    </rPh>
    <phoneticPr fontId="1"/>
  </si>
  <si>
    <t>問11　お子様が歯をみがく時、保護者の方は、負担感や困り感はありますか。</t>
    <rPh sb="5" eb="7">
      <t>コサマ</t>
    </rPh>
    <rPh sb="8" eb="9">
      <t>ハ</t>
    </rPh>
    <rPh sb="13" eb="14">
      <t>トキ</t>
    </rPh>
    <rPh sb="15" eb="18">
      <t>ホゴシャ</t>
    </rPh>
    <rPh sb="19" eb="20">
      <t>ホウ</t>
    </rPh>
    <rPh sb="22" eb="25">
      <t>フタンカン</t>
    </rPh>
    <rPh sb="26" eb="27">
      <t>コマ</t>
    </rPh>
    <rPh sb="28" eb="29">
      <t>カン</t>
    </rPh>
    <phoneticPr fontId="1"/>
  </si>
  <si>
    <t>フッ素歯磨剤使用有無（問12）</t>
    <rPh sb="2" eb="3">
      <t>ソ</t>
    </rPh>
    <rPh sb="3" eb="6">
      <t>シマザイ</t>
    </rPh>
    <rPh sb="6" eb="8">
      <t>シヨウ</t>
    </rPh>
    <rPh sb="8" eb="10">
      <t>ウム</t>
    </rPh>
    <rPh sb="11" eb="12">
      <t>トイ</t>
    </rPh>
    <phoneticPr fontId="1"/>
  </si>
  <si>
    <t>フッ化物塗布有無（問13）</t>
    <rPh sb="2" eb="4">
      <t>カブツ</t>
    </rPh>
    <rPh sb="4" eb="6">
      <t>トフ</t>
    </rPh>
    <rPh sb="6" eb="8">
      <t>ウム</t>
    </rPh>
    <rPh sb="9" eb="10">
      <t>トイ</t>
    </rPh>
    <phoneticPr fontId="1"/>
  </si>
  <si>
    <t>問13　歯科医院や市町村の歯科検診などでフッ化物（フッ素）歯面塗布をしたことはありますか。</t>
    <phoneticPr fontId="1"/>
  </si>
  <si>
    <t>問12　お子様が歯をみがく時（保護者による仕上げみがきも含む）、フッ化物（フッ素）入りの歯みがき剤を使っていますか。</t>
    <phoneticPr fontId="1"/>
  </si>
  <si>
    <t>歯科受診経験有無（問14）</t>
    <rPh sb="0" eb="4">
      <t>シカジュシン</t>
    </rPh>
    <rPh sb="4" eb="6">
      <t>ケイケン</t>
    </rPh>
    <rPh sb="6" eb="8">
      <t>ウム</t>
    </rPh>
    <rPh sb="9" eb="10">
      <t>トイ</t>
    </rPh>
    <phoneticPr fontId="1"/>
  </si>
  <si>
    <t>問14　お子様は、歯科医院でみてもらったことがありますか。</t>
    <phoneticPr fontId="1"/>
  </si>
  <si>
    <t>かかりつけ歯科医院（問15）</t>
    <rPh sb="5" eb="9">
      <t>シカイイン</t>
    </rPh>
    <rPh sb="10" eb="11">
      <t>トイ</t>
    </rPh>
    <phoneticPr fontId="1"/>
  </si>
  <si>
    <t>問15　お子様の、かかりつけの歯科医院を決めていますか。</t>
    <phoneticPr fontId="1"/>
  </si>
  <si>
    <t>定期検診の受診のすすめ（問15-1）</t>
    <rPh sb="0" eb="4">
      <t>テイキケンシン</t>
    </rPh>
    <rPh sb="5" eb="7">
      <t>ジュシン</t>
    </rPh>
    <rPh sb="12" eb="13">
      <t>トイ</t>
    </rPh>
    <phoneticPr fontId="1"/>
  </si>
  <si>
    <t>問15-1　定期検診の受診のすすめ（口頭説明、ハガキ、電子メールなど）がありますか。</t>
    <rPh sb="11" eb="13">
      <t>ジュシン</t>
    </rPh>
    <rPh sb="18" eb="20">
      <t>コウトウ</t>
    </rPh>
    <rPh sb="20" eb="22">
      <t>セツメイ</t>
    </rPh>
    <rPh sb="27" eb="29">
      <t>デンシ</t>
    </rPh>
    <phoneticPr fontId="1"/>
  </si>
  <si>
    <t>歯科恐怖・拒否（問16）</t>
    <rPh sb="0" eb="4">
      <t>シカキョウフ</t>
    </rPh>
    <rPh sb="5" eb="7">
      <t>キョヒ</t>
    </rPh>
    <rPh sb="8" eb="9">
      <t>トイ</t>
    </rPh>
    <phoneticPr fontId="1"/>
  </si>
  <si>
    <t>問16　お子様は、歯科検診や歯科治療に恐怖感や拒否感がありますか。</t>
    <phoneticPr fontId="1"/>
  </si>
  <si>
    <t>むし歯有無（問17）</t>
    <rPh sb="2" eb="3">
      <t>バ</t>
    </rPh>
    <rPh sb="3" eb="5">
      <t>ウム</t>
    </rPh>
    <rPh sb="6" eb="7">
      <t>トイ</t>
    </rPh>
    <phoneticPr fontId="1"/>
  </si>
  <si>
    <t>問17　お子様に、むし歯（治療済みの歯を含む）がありますか。</t>
    <phoneticPr fontId="1"/>
  </si>
  <si>
    <t>むし歯本数（問17-1）</t>
    <rPh sb="2" eb="3">
      <t>バ</t>
    </rPh>
    <rPh sb="3" eb="5">
      <t>ホンスウ</t>
    </rPh>
    <rPh sb="6" eb="7">
      <t>トイ</t>
    </rPh>
    <phoneticPr fontId="1"/>
  </si>
  <si>
    <t>問17-1　むし歯本数</t>
    <rPh sb="8" eb="9">
      <t>バ</t>
    </rPh>
    <rPh sb="9" eb="11">
      <t>ホンスウ</t>
    </rPh>
    <phoneticPr fontId="1"/>
  </si>
  <si>
    <t>はい</t>
  </si>
  <si>
    <t>いいえ</t>
  </si>
  <si>
    <t>合計</t>
    <rPh sb="0" eb="2">
      <t>ゴウケイ</t>
    </rPh>
    <phoneticPr fontId="1"/>
  </si>
  <si>
    <t>よくある</t>
  </si>
  <si>
    <t>ときどきある</t>
  </si>
  <si>
    <t>あまりない</t>
  </si>
  <si>
    <t>ほとんどない</t>
  </si>
  <si>
    <t>毎日食べる</t>
  </si>
  <si>
    <t>ときどき食べる</t>
  </si>
  <si>
    <t>ほとんど食べない</t>
  </si>
  <si>
    <t>1-2回</t>
  </si>
  <si>
    <t>毎日飲む</t>
  </si>
  <si>
    <t>ときどき飲む</t>
  </si>
  <si>
    <t>ほとんど飲まない</t>
  </si>
  <si>
    <t>毎日みがく</t>
  </si>
  <si>
    <t>ときどきみがく</t>
  </si>
  <si>
    <t>ほとんどみがかない</t>
  </si>
  <si>
    <t>1回</t>
  </si>
  <si>
    <t>3回以上</t>
  </si>
  <si>
    <t>している</t>
  </si>
  <si>
    <t>していない</t>
  </si>
  <si>
    <t>ある</t>
  </si>
  <si>
    <t>少しある</t>
  </si>
  <si>
    <t>ない</t>
  </si>
  <si>
    <t>毎日使う</t>
  </si>
  <si>
    <t>ときどき使う</t>
  </si>
  <si>
    <t>使わない</t>
  </si>
  <si>
    <t>わからない</t>
    <phoneticPr fontId="1"/>
  </si>
  <si>
    <t>決めている</t>
  </si>
  <si>
    <t>決めていない</t>
  </si>
  <si>
    <t>大いにある</t>
  </si>
  <si>
    <t>ややある</t>
  </si>
  <si>
    <t>まったくない</t>
  </si>
  <si>
    <t>1-2本</t>
  </si>
  <si>
    <t>3-5本</t>
  </si>
  <si>
    <t>6本以上</t>
  </si>
  <si>
    <t>性別</t>
    <rPh sb="0" eb="2">
      <t>セイベツ</t>
    </rPh>
    <phoneticPr fontId="5"/>
  </si>
  <si>
    <t>男</t>
    <rPh sb="0" eb="1">
      <t>オトコ</t>
    </rPh>
    <phoneticPr fontId="1"/>
  </si>
  <si>
    <t>女</t>
    <rPh sb="0" eb="1">
      <t>オンナ</t>
    </rPh>
    <phoneticPr fontId="1"/>
  </si>
  <si>
    <t>不明</t>
    <rPh sb="0" eb="2">
      <t>フメイ</t>
    </rPh>
    <phoneticPr fontId="1"/>
  </si>
  <si>
    <t>出生順位</t>
    <rPh sb="0" eb="2">
      <t>シュッショウ</t>
    </rPh>
    <rPh sb="2" eb="4">
      <t>ジュンイ</t>
    </rPh>
    <phoneticPr fontId="5"/>
  </si>
  <si>
    <t>第1子</t>
    <rPh sb="0" eb="1">
      <t>ダイ</t>
    </rPh>
    <rPh sb="2" eb="3">
      <t>シ</t>
    </rPh>
    <phoneticPr fontId="1"/>
  </si>
  <si>
    <t>第2子</t>
    <rPh sb="0" eb="1">
      <t>ダイ</t>
    </rPh>
    <rPh sb="2" eb="3">
      <t>シ</t>
    </rPh>
    <phoneticPr fontId="1"/>
  </si>
  <si>
    <t>第3子</t>
    <rPh sb="0" eb="1">
      <t>ダイ</t>
    </rPh>
    <rPh sb="2" eb="3">
      <t>シ</t>
    </rPh>
    <phoneticPr fontId="1"/>
  </si>
  <si>
    <t>第4子以上</t>
    <rPh sb="0" eb="1">
      <t>ダイ</t>
    </rPh>
    <rPh sb="2" eb="3">
      <t>シ</t>
    </rPh>
    <rPh sb="3" eb="5">
      <t>イジョウ</t>
    </rPh>
    <phoneticPr fontId="1"/>
  </si>
  <si>
    <t>合計</t>
    <phoneticPr fontId="1"/>
  </si>
  <si>
    <t>兄弟姉妹数</t>
    <rPh sb="0" eb="5">
      <t>キョウダイシマイスウ</t>
    </rPh>
    <phoneticPr fontId="5"/>
  </si>
  <si>
    <t>1人</t>
    <rPh sb="1" eb="2">
      <t>ニン</t>
    </rPh>
    <phoneticPr fontId="1"/>
  </si>
  <si>
    <t>2人</t>
    <rPh sb="1" eb="2">
      <t>ニン</t>
    </rPh>
    <phoneticPr fontId="1"/>
  </si>
  <si>
    <t>3人</t>
    <rPh sb="1" eb="2">
      <t>ニン</t>
    </rPh>
    <phoneticPr fontId="1"/>
  </si>
  <si>
    <t>4人以上</t>
    <rPh sb="1" eb="2">
      <t>ニン</t>
    </rPh>
    <rPh sb="2" eb="4">
      <t>イジョウ</t>
    </rPh>
    <phoneticPr fontId="1"/>
  </si>
  <si>
    <t>続柄</t>
    <rPh sb="0" eb="2">
      <t>ツヅキガラ</t>
    </rPh>
    <phoneticPr fontId="5"/>
  </si>
  <si>
    <t>父</t>
    <rPh sb="0" eb="1">
      <t>チチ</t>
    </rPh>
    <phoneticPr fontId="1"/>
  </si>
  <si>
    <t>母</t>
    <rPh sb="0" eb="1">
      <t>ハハ</t>
    </rPh>
    <phoneticPr fontId="1"/>
  </si>
  <si>
    <t>祖父</t>
    <rPh sb="0" eb="2">
      <t>ソフ</t>
    </rPh>
    <phoneticPr fontId="1"/>
  </si>
  <si>
    <t>祖母</t>
    <rPh sb="0" eb="2">
      <t>ソボ</t>
    </rPh>
    <phoneticPr fontId="1"/>
  </si>
  <si>
    <t>その他</t>
    <rPh sb="2" eb="3">
      <t>タ</t>
    </rPh>
    <phoneticPr fontId="1"/>
  </si>
  <si>
    <t>咀嚼食品の取入</t>
    <rPh sb="0" eb="2">
      <t>ソシャク</t>
    </rPh>
    <rPh sb="2" eb="4">
      <t>ショクヒン</t>
    </rPh>
    <rPh sb="5" eb="7">
      <t>トリイレ</t>
    </rPh>
    <phoneticPr fontId="5"/>
  </si>
  <si>
    <t>はい</t>
    <phoneticPr fontId="1"/>
  </si>
  <si>
    <t>いいえ</t>
    <phoneticPr fontId="1"/>
  </si>
  <si>
    <t>咀嚼状況</t>
    <rPh sb="0" eb="4">
      <t>ソシャクジョウキョウ</t>
    </rPh>
    <phoneticPr fontId="5"/>
  </si>
  <si>
    <t>よく噛んで食べる</t>
    <rPh sb="2" eb="3">
      <t>カ</t>
    </rPh>
    <rPh sb="5" eb="6">
      <t>タ</t>
    </rPh>
    <phoneticPr fontId="1"/>
  </si>
  <si>
    <t>ふつうに噛んで食べる</t>
    <rPh sb="4" eb="5">
      <t>カ</t>
    </rPh>
    <rPh sb="7" eb="8">
      <t>タ</t>
    </rPh>
    <phoneticPr fontId="1"/>
  </si>
  <si>
    <t>あまり噛まずに食べる</t>
    <rPh sb="3" eb="4">
      <t>カ</t>
    </rPh>
    <rPh sb="7" eb="8">
      <t>タ</t>
    </rPh>
    <phoneticPr fontId="1"/>
  </si>
  <si>
    <t>ほとんど噛まない</t>
    <rPh sb="4" eb="5">
      <t>カ</t>
    </rPh>
    <phoneticPr fontId="1"/>
  </si>
  <si>
    <t>テレビ・ビデオ等習慣</t>
    <rPh sb="7" eb="10">
      <t>トウシュウカン</t>
    </rPh>
    <phoneticPr fontId="5"/>
  </si>
  <si>
    <t>よくある</t>
    <phoneticPr fontId="1"/>
  </si>
  <si>
    <t>ときどきある</t>
    <phoneticPr fontId="1"/>
  </si>
  <si>
    <t>あまりない</t>
    <phoneticPr fontId="1"/>
  </si>
  <si>
    <t>ほとんどない</t>
    <phoneticPr fontId="1"/>
  </si>
  <si>
    <t>甘味菓子摂取頻度</t>
    <rPh sb="0" eb="4">
      <t>カンミカシ</t>
    </rPh>
    <rPh sb="4" eb="8">
      <t>セッシュヒンド</t>
    </rPh>
    <phoneticPr fontId="5"/>
  </si>
  <si>
    <t>毎日食べる</t>
    <rPh sb="0" eb="2">
      <t>マイニチ</t>
    </rPh>
    <rPh sb="2" eb="3">
      <t>タ</t>
    </rPh>
    <phoneticPr fontId="1"/>
  </si>
  <si>
    <t>ときどき食べる</t>
    <rPh sb="4" eb="5">
      <t>タ</t>
    </rPh>
    <phoneticPr fontId="1"/>
  </si>
  <si>
    <t>甘味菓子摂取回数</t>
    <rPh sb="0" eb="4">
      <t>カンミカシ</t>
    </rPh>
    <rPh sb="4" eb="6">
      <t>セッシュ</t>
    </rPh>
    <rPh sb="6" eb="8">
      <t>カイスウ</t>
    </rPh>
    <phoneticPr fontId="5"/>
  </si>
  <si>
    <t>甘味飲料摂取頻度</t>
    <rPh sb="0" eb="2">
      <t>カンミ</t>
    </rPh>
    <rPh sb="2" eb="4">
      <t>インリョウ</t>
    </rPh>
    <rPh sb="4" eb="8">
      <t>セッシュヒンド</t>
    </rPh>
    <phoneticPr fontId="5"/>
  </si>
  <si>
    <t>毎日飲む</t>
    <rPh sb="0" eb="2">
      <t>マイニチ</t>
    </rPh>
    <rPh sb="2" eb="3">
      <t>ノ</t>
    </rPh>
    <phoneticPr fontId="1"/>
  </si>
  <si>
    <t>ときどき飲む</t>
    <rPh sb="4" eb="5">
      <t>ノ</t>
    </rPh>
    <phoneticPr fontId="1"/>
  </si>
  <si>
    <t>ほとんど飲まない</t>
    <rPh sb="4" eb="5">
      <t>ノ</t>
    </rPh>
    <phoneticPr fontId="1"/>
  </si>
  <si>
    <t>ほとんど食べない</t>
    <rPh sb="4" eb="5">
      <t>タ</t>
    </rPh>
    <phoneticPr fontId="1"/>
  </si>
  <si>
    <t>甘味飲料摂取回数</t>
    <rPh sb="0" eb="2">
      <t>カンミ</t>
    </rPh>
    <rPh sb="2" eb="4">
      <t>インリョウ</t>
    </rPh>
    <rPh sb="4" eb="6">
      <t>セッシュ</t>
    </rPh>
    <rPh sb="6" eb="8">
      <t>カイスウ</t>
    </rPh>
    <phoneticPr fontId="5"/>
  </si>
  <si>
    <t>甘味飲料摂取回数</t>
    <rPh sb="0" eb="2">
      <t>カンミ</t>
    </rPh>
    <rPh sb="2" eb="4">
      <t>インリョウ</t>
    </rPh>
    <rPh sb="4" eb="6">
      <t>セッシュ</t>
    </rPh>
    <rPh sb="6" eb="8">
      <t>セッシュカイスウ</t>
    </rPh>
    <phoneticPr fontId="5"/>
  </si>
  <si>
    <t xml:space="preserve">                          </t>
    <phoneticPr fontId="1"/>
  </si>
  <si>
    <t>歯みがき頻度</t>
    <rPh sb="0" eb="1">
      <t>ハ</t>
    </rPh>
    <rPh sb="4" eb="6">
      <t>ヒンド</t>
    </rPh>
    <phoneticPr fontId="5"/>
  </si>
  <si>
    <t>毎日みがく</t>
    <rPh sb="0" eb="2">
      <t>マイニチ</t>
    </rPh>
    <phoneticPr fontId="1"/>
  </si>
  <si>
    <t>歯みがき回数</t>
    <rPh sb="0" eb="1">
      <t>ハ</t>
    </rPh>
    <rPh sb="4" eb="6">
      <t>カイスウ</t>
    </rPh>
    <phoneticPr fontId="5"/>
  </si>
  <si>
    <t>1回</t>
    <rPh sb="1" eb="2">
      <t>カイ</t>
    </rPh>
    <phoneticPr fontId="1"/>
  </si>
  <si>
    <t>保護者の仕上げみがき</t>
    <rPh sb="0" eb="3">
      <t>ホゴシャ</t>
    </rPh>
    <rPh sb="4" eb="6">
      <t>シア</t>
    </rPh>
    <phoneticPr fontId="5"/>
  </si>
  <si>
    <t>している</t>
    <phoneticPr fontId="1"/>
  </si>
  <si>
    <t>していない</t>
    <phoneticPr fontId="1"/>
  </si>
  <si>
    <t>ある</t>
    <phoneticPr fontId="1"/>
  </si>
  <si>
    <t>すこしある</t>
    <phoneticPr fontId="1"/>
  </si>
  <si>
    <t>ない</t>
    <phoneticPr fontId="1"/>
  </si>
  <si>
    <t>フッ素歯磨剤使用有無</t>
    <rPh sb="2" eb="10">
      <t>ソシマザイシヨウウム</t>
    </rPh>
    <phoneticPr fontId="5"/>
  </si>
  <si>
    <t>毎日使う</t>
    <rPh sb="0" eb="2">
      <t>マイニチ</t>
    </rPh>
    <rPh sb="2" eb="3">
      <t>ツカ</t>
    </rPh>
    <phoneticPr fontId="1"/>
  </si>
  <si>
    <t>ときどき使う</t>
    <rPh sb="4" eb="5">
      <t>ツカ</t>
    </rPh>
    <phoneticPr fontId="1"/>
  </si>
  <si>
    <t>使わない</t>
    <rPh sb="0" eb="1">
      <t>ツカ</t>
    </rPh>
    <phoneticPr fontId="1"/>
  </si>
  <si>
    <t>フッ化物が入っているかわからない</t>
    <rPh sb="2" eb="4">
      <t>カブツ</t>
    </rPh>
    <rPh sb="5" eb="6">
      <t>ハイ</t>
    </rPh>
    <phoneticPr fontId="1"/>
  </si>
  <si>
    <t>フッ化物歯面塗布</t>
    <rPh sb="2" eb="8">
      <t>カブツシメントフ</t>
    </rPh>
    <phoneticPr fontId="5"/>
  </si>
  <si>
    <t>歯科受診経験有無</t>
  </si>
  <si>
    <t>かかりつけ歯科有無</t>
    <rPh sb="5" eb="7">
      <t>シカ</t>
    </rPh>
    <rPh sb="7" eb="9">
      <t>ウム</t>
    </rPh>
    <phoneticPr fontId="5"/>
  </si>
  <si>
    <t>決めている</t>
    <rPh sb="0" eb="1">
      <t>キ</t>
    </rPh>
    <phoneticPr fontId="1"/>
  </si>
  <si>
    <t>決めていない</t>
    <rPh sb="0" eb="1">
      <t>キ</t>
    </rPh>
    <phoneticPr fontId="1"/>
  </si>
  <si>
    <t>受診のすすめ</t>
    <rPh sb="0" eb="2">
      <t>ジュシン</t>
    </rPh>
    <phoneticPr fontId="5"/>
  </si>
  <si>
    <t>歯科恐怖・拒否</t>
    <rPh sb="0" eb="4">
      <t>シカキョウフ</t>
    </rPh>
    <rPh sb="5" eb="7">
      <t>キョヒ</t>
    </rPh>
    <phoneticPr fontId="5"/>
  </si>
  <si>
    <t>大いにある</t>
    <rPh sb="0" eb="1">
      <t>オオ</t>
    </rPh>
    <phoneticPr fontId="1"/>
  </si>
  <si>
    <t>ややある</t>
    <phoneticPr fontId="1"/>
  </si>
  <si>
    <t>まったくない</t>
    <phoneticPr fontId="1"/>
  </si>
  <si>
    <t>むし歯有無</t>
    <rPh sb="2" eb="5">
      <t>バウム</t>
    </rPh>
    <phoneticPr fontId="5"/>
  </si>
  <si>
    <t>この1年間では、歯科医院にかかっていない
（問14-1-1）</t>
    <rPh sb="3" eb="5">
      <t>ネンカン</t>
    </rPh>
    <rPh sb="8" eb="12">
      <t>シカイイン</t>
    </rPh>
    <rPh sb="22" eb="23">
      <t>トイ</t>
    </rPh>
    <phoneticPr fontId="1"/>
  </si>
  <si>
    <t>歯科検診
（問14-1-2）</t>
    <rPh sb="0" eb="4">
      <t>シカケンシン</t>
    </rPh>
    <rPh sb="6" eb="7">
      <t>トイ</t>
    </rPh>
    <phoneticPr fontId="1"/>
  </si>
  <si>
    <t>歯みがき指導
（問14-1-3）</t>
    <rPh sb="0" eb="1">
      <t>ハ</t>
    </rPh>
    <rPh sb="4" eb="6">
      <t>シドウ</t>
    </rPh>
    <rPh sb="8" eb="9">
      <t>トイ</t>
    </rPh>
    <phoneticPr fontId="1"/>
  </si>
  <si>
    <t>フッ化物歯面塗布
（問14-1-4）</t>
    <rPh sb="2" eb="4">
      <t>カブツ</t>
    </rPh>
    <rPh sb="4" eb="6">
      <t>シメン</t>
    </rPh>
    <rPh sb="6" eb="8">
      <t>トフ</t>
    </rPh>
    <rPh sb="10" eb="11">
      <t>トイ</t>
    </rPh>
    <phoneticPr fontId="1"/>
  </si>
  <si>
    <t>シーラント処置
（問14-1-5）</t>
    <rPh sb="5" eb="7">
      <t>ショチ</t>
    </rPh>
    <rPh sb="9" eb="10">
      <t>トイ</t>
    </rPh>
    <phoneticPr fontId="1"/>
  </si>
  <si>
    <t>むし歯の治療
（問14-1-6）</t>
    <rPh sb="2" eb="3">
      <t>バ</t>
    </rPh>
    <rPh sb="4" eb="6">
      <t>チリョウ</t>
    </rPh>
    <rPh sb="8" eb="9">
      <t>トイ</t>
    </rPh>
    <phoneticPr fontId="1"/>
  </si>
  <si>
    <t>歯や口のけがの治療
（問14-1-7）</t>
    <rPh sb="0" eb="1">
      <t>ハ</t>
    </rPh>
    <rPh sb="2" eb="3">
      <t>クチ</t>
    </rPh>
    <rPh sb="7" eb="9">
      <t>チリョウ</t>
    </rPh>
    <rPh sb="11" eb="12">
      <t>トイ</t>
    </rPh>
    <phoneticPr fontId="1"/>
  </si>
  <si>
    <t>歯科矯正
（問14-1-8）</t>
    <rPh sb="0" eb="4">
      <t>シカキョウセイ</t>
    </rPh>
    <rPh sb="6" eb="7">
      <t>トイ</t>
    </rPh>
    <phoneticPr fontId="1"/>
  </si>
  <si>
    <t>その他
（問14-1-9）</t>
    <rPh sb="2" eb="3">
      <t>タ</t>
    </rPh>
    <rPh sb="5" eb="6">
      <t>トイ</t>
    </rPh>
    <phoneticPr fontId="1"/>
  </si>
  <si>
    <t>すこしある</t>
  </si>
  <si>
    <t>保護者負担感</t>
    <rPh sb="0" eb="3">
      <t>ホゴシャ</t>
    </rPh>
    <rPh sb="3" eb="6">
      <t>フタンカン</t>
    </rPh>
    <phoneticPr fontId="5"/>
  </si>
  <si>
    <t>この1年間では、歯科医院にかかっていない</t>
    <phoneticPr fontId="5"/>
  </si>
  <si>
    <t>かかりつけ歯科有無（問16）</t>
    <rPh sb="5" eb="7">
      <t>シカ</t>
    </rPh>
    <rPh sb="7" eb="9">
      <t>ウム</t>
    </rPh>
    <rPh sb="10" eb="11">
      <t>トイ</t>
    </rPh>
    <phoneticPr fontId="1"/>
  </si>
  <si>
    <t>シーラント処置</t>
    <phoneticPr fontId="5"/>
  </si>
  <si>
    <t>歯科検診</t>
    <phoneticPr fontId="5"/>
  </si>
  <si>
    <t>むし歯の治療</t>
    <phoneticPr fontId="5"/>
  </si>
  <si>
    <t>歯みがき指導</t>
    <phoneticPr fontId="5"/>
  </si>
  <si>
    <t>歯や口のけがの治療</t>
    <phoneticPr fontId="5"/>
  </si>
  <si>
    <t>フッ化物歯面塗布</t>
    <phoneticPr fontId="5"/>
  </si>
  <si>
    <t>歯科矯正</t>
    <phoneticPr fontId="5"/>
  </si>
  <si>
    <t>その他</t>
    <phoneticPr fontId="5"/>
  </si>
  <si>
    <t>受診のすすめ（問16-1）</t>
    <rPh sb="0" eb="2">
      <t>ジュシン</t>
    </rPh>
    <rPh sb="7" eb="8">
      <t>トイ</t>
    </rPh>
    <phoneticPr fontId="1"/>
  </si>
  <si>
    <t>歯科恐怖・拒否（問17）</t>
    <rPh sb="8" eb="9">
      <t>トイ</t>
    </rPh>
    <phoneticPr fontId="1"/>
  </si>
  <si>
    <t>問17　お子様は、歯科検診や歯科治療に恐怖感や拒否感がありますか。</t>
    <phoneticPr fontId="1"/>
  </si>
  <si>
    <t>むし歯有無（問18）</t>
    <rPh sb="5" eb="6">
      <t>トイ</t>
    </rPh>
    <phoneticPr fontId="1"/>
  </si>
  <si>
    <t>あるかどうかわからない</t>
    <phoneticPr fontId="1"/>
  </si>
  <si>
    <t>問18　お子様に、むし歯がありますか。</t>
    <phoneticPr fontId="1"/>
  </si>
  <si>
    <t>むし歯本数（問18-1）</t>
    <rPh sb="6" eb="7">
      <t>トイ</t>
    </rPh>
    <phoneticPr fontId="1"/>
  </si>
  <si>
    <t>1-2本</t>
    <phoneticPr fontId="1"/>
  </si>
  <si>
    <t>3-5本</t>
    <phoneticPr fontId="1"/>
  </si>
  <si>
    <t>本数はわからない</t>
    <phoneticPr fontId="1"/>
  </si>
  <si>
    <t>13</t>
  </si>
  <si>
    <t>14</t>
  </si>
  <si>
    <t>15</t>
  </si>
  <si>
    <t>16</t>
  </si>
  <si>
    <t>17</t>
  </si>
  <si>
    <t>18</t>
  </si>
  <si>
    <t>19</t>
  </si>
  <si>
    <t>21</t>
  </si>
  <si>
    <t>22</t>
  </si>
  <si>
    <t>23</t>
  </si>
  <si>
    <t>24</t>
  </si>
  <si>
    <t>25</t>
  </si>
  <si>
    <t>26</t>
  </si>
  <si>
    <t>27</t>
  </si>
  <si>
    <t>28</t>
  </si>
  <si>
    <t>29</t>
  </si>
  <si>
    <t>30</t>
  </si>
  <si>
    <t>31</t>
  </si>
  <si>
    <t>32</t>
  </si>
  <si>
    <t>33</t>
  </si>
  <si>
    <t>34</t>
  </si>
  <si>
    <t>35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54</t>
  </si>
  <si>
    <t>59</t>
  </si>
  <si>
    <t>60</t>
  </si>
  <si>
    <t>61</t>
  </si>
  <si>
    <t>62</t>
  </si>
  <si>
    <t>63</t>
  </si>
  <si>
    <t>64</t>
  </si>
  <si>
    <t>65</t>
  </si>
  <si>
    <t>66</t>
  </si>
  <si>
    <t>67</t>
  </si>
  <si>
    <t>68</t>
  </si>
  <si>
    <t>69</t>
  </si>
  <si>
    <t>70</t>
  </si>
  <si>
    <t>71</t>
  </si>
  <si>
    <t>72</t>
  </si>
  <si>
    <t>73</t>
  </si>
  <si>
    <t>78</t>
  </si>
  <si>
    <t>79</t>
  </si>
  <si>
    <t>80</t>
  </si>
  <si>
    <t>81</t>
  </si>
  <si>
    <t>82</t>
  </si>
  <si>
    <t>83</t>
  </si>
  <si>
    <t>84</t>
  </si>
  <si>
    <t>85</t>
  </si>
  <si>
    <t>86</t>
  </si>
  <si>
    <t>87</t>
  </si>
  <si>
    <t>88</t>
  </si>
  <si>
    <t>89</t>
  </si>
  <si>
    <t>90</t>
  </si>
  <si>
    <t>91</t>
  </si>
  <si>
    <t>92</t>
  </si>
  <si>
    <t>94</t>
  </si>
  <si>
    <t>95</t>
  </si>
  <si>
    <t>98</t>
  </si>
  <si>
    <t>99</t>
  </si>
  <si>
    <t>101</t>
  </si>
  <si>
    <t>102</t>
  </si>
  <si>
    <t>103</t>
  </si>
  <si>
    <t>104</t>
  </si>
  <si>
    <t>105</t>
  </si>
  <si>
    <t>106</t>
  </si>
  <si>
    <t>107</t>
  </si>
  <si>
    <t>108</t>
  </si>
  <si>
    <t>110</t>
  </si>
  <si>
    <t>111</t>
  </si>
  <si>
    <t>113</t>
  </si>
  <si>
    <t>114</t>
  </si>
  <si>
    <t>115</t>
  </si>
  <si>
    <t>116</t>
  </si>
  <si>
    <t>117</t>
  </si>
  <si>
    <t>118</t>
  </si>
  <si>
    <t>119</t>
  </si>
  <si>
    <t>120</t>
  </si>
  <si>
    <t>122</t>
  </si>
  <si>
    <t>123</t>
  </si>
  <si>
    <t>124</t>
  </si>
  <si>
    <t>125</t>
  </si>
  <si>
    <t>126</t>
  </si>
  <si>
    <t>127</t>
  </si>
  <si>
    <t>128</t>
  </si>
  <si>
    <t>129</t>
  </si>
  <si>
    <t>130</t>
  </si>
  <si>
    <t>131</t>
  </si>
  <si>
    <t>132</t>
  </si>
  <si>
    <t>133</t>
  </si>
  <si>
    <t>134</t>
  </si>
  <si>
    <t>135</t>
  </si>
  <si>
    <t>136</t>
  </si>
  <si>
    <t>137</t>
  </si>
  <si>
    <t>139</t>
  </si>
  <si>
    <t>140</t>
  </si>
  <si>
    <t>141</t>
  </si>
  <si>
    <t>142</t>
  </si>
  <si>
    <t>143</t>
  </si>
  <si>
    <t>144</t>
  </si>
  <si>
    <t>145</t>
  </si>
  <si>
    <t>146</t>
  </si>
  <si>
    <t>147</t>
  </si>
  <si>
    <t>148</t>
  </si>
  <si>
    <t>149</t>
  </si>
  <si>
    <t>150</t>
  </si>
  <si>
    <t>151</t>
  </si>
  <si>
    <t>152</t>
  </si>
  <si>
    <t>153</t>
  </si>
  <si>
    <t>155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>165</t>
  </si>
  <si>
    <t>166</t>
  </si>
  <si>
    <t>167</t>
  </si>
  <si>
    <t>168</t>
  </si>
  <si>
    <t>170</t>
  </si>
  <si>
    <t>171</t>
  </si>
  <si>
    <t>172</t>
  </si>
  <si>
    <t>173</t>
  </si>
  <si>
    <t>174</t>
  </si>
  <si>
    <t>175</t>
  </si>
  <si>
    <t>176</t>
  </si>
  <si>
    <t>177</t>
  </si>
  <si>
    <t>178</t>
  </si>
  <si>
    <t>179</t>
  </si>
  <si>
    <t>180</t>
  </si>
  <si>
    <t>181</t>
  </si>
  <si>
    <t>182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7</t>
  </si>
  <si>
    <t>198</t>
  </si>
  <si>
    <t>199</t>
  </si>
  <si>
    <t>200</t>
  </si>
  <si>
    <t>201</t>
  </si>
  <si>
    <t>202</t>
  </si>
  <si>
    <t>203</t>
  </si>
  <si>
    <t>204</t>
  </si>
  <si>
    <t>205</t>
  </si>
  <si>
    <t>206</t>
  </si>
  <si>
    <t>207</t>
  </si>
  <si>
    <t>209</t>
  </si>
  <si>
    <t>210</t>
  </si>
  <si>
    <t>211</t>
  </si>
  <si>
    <t>212</t>
  </si>
  <si>
    <t>213</t>
  </si>
  <si>
    <t>214</t>
  </si>
  <si>
    <t>215</t>
  </si>
  <si>
    <t>216</t>
  </si>
  <si>
    <t>217</t>
  </si>
  <si>
    <t>218</t>
  </si>
  <si>
    <t>220</t>
  </si>
  <si>
    <t>221</t>
  </si>
  <si>
    <t>222</t>
  </si>
  <si>
    <t>223</t>
  </si>
  <si>
    <t>224</t>
  </si>
  <si>
    <t>225</t>
  </si>
  <si>
    <t>226</t>
  </si>
  <si>
    <t>227</t>
  </si>
  <si>
    <t>228</t>
  </si>
  <si>
    <t>230</t>
  </si>
  <si>
    <t>231</t>
  </si>
  <si>
    <t>232</t>
  </si>
  <si>
    <t>233</t>
  </si>
  <si>
    <t>234</t>
  </si>
  <si>
    <t>235</t>
  </si>
  <si>
    <t>236</t>
  </si>
  <si>
    <t>237</t>
  </si>
  <si>
    <t>239</t>
  </si>
  <si>
    <t>240</t>
  </si>
  <si>
    <t>241</t>
  </si>
  <si>
    <t>242</t>
  </si>
  <si>
    <t>243</t>
  </si>
  <si>
    <t>244</t>
  </si>
  <si>
    <t>245</t>
  </si>
  <si>
    <t>247</t>
  </si>
  <si>
    <t>248</t>
  </si>
  <si>
    <t>249</t>
  </si>
  <si>
    <t>250</t>
  </si>
  <si>
    <t>251</t>
  </si>
  <si>
    <t>252</t>
  </si>
  <si>
    <t>254</t>
  </si>
  <si>
    <t>255</t>
  </si>
  <si>
    <t>256</t>
  </si>
  <si>
    <t>257</t>
  </si>
  <si>
    <t>258</t>
  </si>
  <si>
    <t>260</t>
  </si>
  <si>
    <t>261</t>
  </si>
  <si>
    <t>262</t>
  </si>
  <si>
    <t>263</t>
  </si>
  <si>
    <t>265</t>
  </si>
  <si>
    <t>266</t>
  </si>
  <si>
    <t>267</t>
  </si>
  <si>
    <t>269</t>
  </si>
  <si>
    <t>270</t>
  </si>
  <si>
    <t>271</t>
    <phoneticPr fontId="1"/>
  </si>
  <si>
    <t>272</t>
  </si>
  <si>
    <t>273</t>
    <phoneticPr fontId="1"/>
  </si>
  <si>
    <t>表11　住所地域とフッ素歯磨剤使用有無</t>
    <rPh sb="0" eb="1">
      <t>ヒョウ</t>
    </rPh>
    <rPh sb="11" eb="12">
      <t>ソ</t>
    </rPh>
    <rPh sb="12" eb="15">
      <t>シマザイ</t>
    </rPh>
    <rPh sb="15" eb="17">
      <t>シヨウ</t>
    </rPh>
    <rPh sb="17" eb="19">
      <t>ウム</t>
    </rPh>
    <phoneticPr fontId="1"/>
  </si>
  <si>
    <t>表12　住所地域とフッ化物塗布有無</t>
    <rPh sb="0" eb="1">
      <t>ヒョウ</t>
    </rPh>
    <rPh sb="11" eb="13">
      <t>カブツ</t>
    </rPh>
    <rPh sb="13" eb="15">
      <t>トフ</t>
    </rPh>
    <rPh sb="15" eb="17">
      <t>ウム</t>
    </rPh>
    <phoneticPr fontId="1"/>
  </si>
  <si>
    <t>表13　住所地域と歯科受診経験有無</t>
    <rPh sb="0" eb="1">
      <t>ヒョウ</t>
    </rPh>
    <rPh sb="9" eb="13">
      <t>シカジュシン</t>
    </rPh>
    <rPh sb="13" eb="15">
      <t>ケイケン</t>
    </rPh>
    <rPh sb="15" eb="17">
      <t>ウム</t>
    </rPh>
    <phoneticPr fontId="1"/>
  </si>
  <si>
    <t>問14-1　この1年間に、お子様が歯科医院で受けたものすべてに〇をつけてください。</t>
    <rPh sb="9" eb="11">
      <t>ネンカン</t>
    </rPh>
    <rPh sb="14" eb="16">
      <t>コサマ</t>
    </rPh>
    <rPh sb="17" eb="21">
      <t>シカイイン</t>
    </rPh>
    <rPh sb="22" eb="23">
      <t>ウ</t>
    </rPh>
    <phoneticPr fontId="1"/>
  </si>
  <si>
    <t>表14-1　住所地域と受診内容</t>
    <rPh sb="0" eb="1">
      <t>ヒョウ</t>
    </rPh>
    <rPh sb="11" eb="13">
      <t>ジュシン</t>
    </rPh>
    <rPh sb="13" eb="15">
      <t>ナイヨウ</t>
    </rPh>
    <phoneticPr fontId="1"/>
  </si>
  <si>
    <t>表14-2　住所地域と受診内容</t>
    <rPh sb="0" eb="1">
      <t>ヒョウ</t>
    </rPh>
    <rPh sb="11" eb="13">
      <t>ジュシン</t>
    </rPh>
    <rPh sb="13" eb="15">
      <t>ナイヨウ</t>
    </rPh>
    <phoneticPr fontId="1"/>
  </si>
  <si>
    <t>表15　住所地域とかかりつけ歯科医院有無</t>
    <rPh sb="0" eb="1">
      <t>ヒョウ</t>
    </rPh>
    <rPh sb="14" eb="16">
      <t>シカ</t>
    </rPh>
    <rPh sb="16" eb="18">
      <t>イイン</t>
    </rPh>
    <rPh sb="18" eb="20">
      <t>ウム</t>
    </rPh>
    <phoneticPr fontId="1"/>
  </si>
  <si>
    <t>表16　住所地域と定期検診受診のすすめ</t>
    <rPh sb="0" eb="1">
      <t>ヒョウ</t>
    </rPh>
    <rPh sb="9" eb="11">
      <t>テイキ</t>
    </rPh>
    <rPh sb="11" eb="13">
      <t>ケンシン</t>
    </rPh>
    <rPh sb="13" eb="15">
      <t>ジュシン</t>
    </rPh>
    <phoneticPr fontId="1"/>
  </si>
  <si>
    <t>表17　住所地域と歯科恐怖・拒否</t>
    <rPh sb="0" eb="1">
      <t>ヒョウ</t>
    </rPh>
    <rPh sb="9" eb="11">
      <t>シカ</t>
    </rPh>
    <rPh sb="11" eb="13">
      <t>キョウフ</t>
    </rPh>
    <rPh sb="14" eb="16">
      <t>キョヒ</t>
    </rPh>
    <phoneticPr fontId="1"/>
  </si>
  <si>
    <t>表18　住所地域とむし歯有無</t>
    <rPh sb="0" eb="1">
      <t>ヒョウ</t>
    </rPh>
    <rPh sb="11" eb="14">
      <t>バウム</t>
    </rPh>
    <phoneticPr fontId="1"/>
  </si>
  <si>
    <t>表19　住所地域とむし歯本数</t>
    <rPh sb="0" eb="1">
      <t>ヒョウ</t>
    </rPh>
    <rPh sb="11" eb="12">
      <t>バ</t>
    </rPh>
    <rPh sb="12" eb="14">
      <t>ホンスウ</t>
    </rPh>
    <phoneticPr fontId="1"/>
  </si>
  <si>
    <t>表20　性別と咀嚼食品の取入</t>
    <rPh sb="0" eb="1">
      <t>ヒョウ</t>
    </rPh>
    <rPh sb="4" eb="6">
      <t>セイベツ</t>
    </rPh>
    <phoneticPr fontId="1"/>
  </si>
  <si>
    <t>表21　性別と咀嚼状況</t>
    <rPh sb="0" eb="1">
      <t>ヒョウ</t>
    </rPh>
    <rPh sb="4" eb="6">
      <t>セイベツ</t>
    </rPh>
    <phoneticPr fontId="1"/>
  </si>
  <si>
    <t>表22　性別とテレビ・ビデオ等習慣</t>
    <rPh sb="0" eb="1">
      <t>ヒョウ</t>
    </rPh>
    <rPh sb="4" eb="6">
      <t>セイベツ</t>
    </rPh>
    <rPh sb="14" eb="15">
      <t>トウ</t>
    </rPh>
    <rPh sb="15" eb="17">
      <t>シュウカン</t>
    </rPh>
    <phoneticPr fontId="1"/>
  </si>
  <si>
    <t>表23　性別と甘味菓子摂取頻度</t>
    <rPh sb="0" eb="1">
      <t>ヒョウ</t>
    </rPh>
    <rPh sb="4" eb="6">
      <t>セイベツ</t>
    </rPh>
    <rPh sb="7" eb="11">
      <t>カンミカシ</t>
    </rPh>
    <rPh sb="11" eb="15">
      <t>セッシュヒンド</t>
    </rPh>
    <phoneticPr fontId="1"/>
  </si>
  <si>
    <t>3回以上</t>
    <rPh sb="2" eb="4">
      <t>イジョウ</t>
    </rPh>
    <phoneticPr fontId="1"/>
  </si>
  <si>
    <t>甘味菓子の1日の摂取回数</t>
    <rPh sb="8" eb="10">
      <t>セッシュ</t>
    </rPh>
    <rPh sb="10" eb="12">
      <t>カイスウ</t>
    </rPh>
    <phoneticPr fontId="1"/>
  </si>
  <si>
    <t>甘味飲料の1日の摂取回数</t>
    <rPh sb="8" eb="10">
      <t>セッシュ</t>
    </rPh>
    <rPh sb="10" eb="12">
      <t>カイスウ</t>
    </rPh>
    <phoneticPr fontId="1"/>
  </si>
  <si>
    <t>1日の歯みがき回数</t>
    <rPh sb="3" eb="4">
      <t>ハ</t>
    </rPh>
    <rPh sb="7" eb="9">
      <t>カイスウ</t>
    </rPh>
    <phoneticPr fontId="1"/>
  </si>
  <si>
    <t>表24　性別と甘味菓子の1日の摂取回数</t>
    <rPh sb="0" eb="1">
      <t>ヒョウ</t>
    </rPh>
    <rPh sb="4" eb="6">
      <t>セイベツ</t>
    </rPh>
    <rPh sb="7" eb="11">
      <t>カンミカシ</t>
    </rPh>
    <rPh sb="15" eb="19">
      <t>セッシュカイスウ</t>
    </rPh>
    <phoneticPr fontId="1"/>
  </si>
  <si>
    <t>問7-1　1日あたりの食べる回数</t>
    <rPh sb="11" eb="12">
      <t>タ</t>
    </rPh>
    <rPh sb="14" eb="16">
      <t>カイスウ</t>
    </rPh>
    <phoneticPr fontId="1"/>
  </si>
  <si>
    <t>1日の歯みがき回数（問9-1）</t>
    <rPh sb="3" eb="4">
      <t>ハ</t>
    </rPh>
    <rPh sb="7" eb="9">
      <t>カイスウ</t>
    </rPh>
    <rPh sb="10" eb="11">
      <t>トイ</t>
    </rPh>
    <phoneticPr fontId="1"/>
  </si>
  <si>
    <t>問9-1　1日あたりの歯みがく回数</t>
    <rPh sb="11" eb="12">
      <t>ハ</t>
    </rPh>
    <rPh sb="15" eb="17">
      <t>カイスウ</t>
    </rPh>
    <phoneticPr fontId="1"/>
  </si>
  <si>
    <t>問8-1　1日あたりの飲む回数</t>
    <rPh sb="11" eb="12">
      <t>ノ</t>
    </rPh>
    <rPh sb="13" eb="15">
      <t>カイスウ</t>
    </rPh>
    <phoneticPr fontId="1"/>
  </si>
  <si>
    <t>表9　住所地域と1日の歯みがき回数</t>
    <rPh sb="0" eb="1">
      <t>ヒョウ</t>
    </rPh>
    <rPh sb="11" eb="12">
      <t>ハ</t>
    </rPh>
    <rPh sb="15" eb="17">
      <t>カイスウ</t>
    </rPh>
    <phoneticPr fontId="1"/>
  </si>
  <si>
    <t>表7　住所地域と甘味飲料の1日の摂取回数</t>
    <rPh sb="0" eb="1">
      <t>ヒョウ</t>
    </rPh>
    <rPh sb="8" eb="12">
      <t>カンミインリョウ</t>
    </rPh>
    <rPh sb="16" eb="18">
      <t>セッシュ</t>
    </rPh>
    <rPh sb="18" eb="20">
      <t>カイスウ</t>
    </rPh>
    <phoneticPr fontId="1"/>
  </si>
  <si>
    <t>表5　住所地域と甘味菓子の1日の摂取回数</t>
    <rPh sb="0" eb="1">
      <t>ヒョウ</t>
    </rPh>
    <rPh sb="8" eb="12">
      <t>カンミカシ</t>
    </rPh>
    <rPh sb="16" eb="20">
      <t>セッシュカイスウ</t>
    </rPh>
    <phoneticPr fontId="1"/>
  </si>
  <si>
    <t>表25　性別と甘味飲料摂取頻度</t>
    <rPh sb="0" eb="1">
      <t>ヒョウ</t>
    </rPh>
    <rPh sb="4" eb="6">
      <t>セイベツ</t>
    </rPh>
    <rPh sb="7" eb="11">
      <t>カンミインリョウ</t>
    </rPh>
    <rPh sb="11" eb="13">
      <t>セッシュ</t>
    </rPh>
    <rPh sb="13" eb="15">
      <t>ヒンド</t>
    </rPh>
    <phoneticPr fontId="1"/>
  </si>
  <si>
    <t>表26　性別と甘味飲料の1日の摂取回数</t>
    <rPh sb="0" eb="1">
      <t>ヒョウ</t>
    </rPh>
    <rPh sb="4" eb="6">
      <t>セイベツ</t>
    </rPh>
    <rPh sb="7" eb="11">
      <t>カンミインリョウ</t>
    </rPh>
    <rPh sb="15" eb="17">
      <t>セッシュ</t>
    </rPh>
    <rPh sb="17" eb="19">
      <t>カイスウ</t>
    </rPh>
    <phoneticPr fontId="1"/>
  </si>
  <si>
    <t>表27　性別と歯みがき頻度</t>
    <rPh sb="0" eb="1">
      <t>ヒョウ</t>
    </rPh>
    <rPh sb="4" eb="6">
      <t>セイベツ</t>
    </rPh>
    <rPh sb="7" eb="8">
      <t>ハ</t>
    </rPh>
    <rPh sb="11" eb="13">
      <t>ヒンド</t>
    </rPh>
    <phoneticPr fontId="1"/>
  </si>
  <si>
    <t>表28　性別と1日の歯みがき回数</t>
    <rPh sb="0" eb="1">
      <t>ヒョウ</t>
    </rPh>
    <rPh sb="4" eb="6">
      <t>セイベツ</t>
    </rPh>
    <rPh sb="10" eb="11">
      <t>ハ</t>
    </rPh>
    <rPh sb="14" eb="16">
      <t>カイスウ</t>
    </rPh>
    <phoneticPr fontId="1"/>
  </si>
  <si>
    <t>表29　性別と保護者の仕上げみがき</t>
    <rPh sb="0" eb="1">
      <t>ヒョウ</t>
    </rPh>
    <rPh sb="4" eb="6">
      <t>セイベツ</t>
    </rPh>
    <rPh sb="7" eb="10">
      <t>ホゴシャ</t>
    </rPh>
    <rPh sb="11" eb="13">
      <t>シア</t>
    </rPh>
    <phoneticPr fontId="1"/>
  </si>
  <si>
    <t>表30　性別と保護者負担感</t>
    <rPh sb="0" eb="1">
      <t>ヒョウ</t>
    </rPh>
    <rPh sb="4" eb="6">
      <t>セイベツ</t>
    </rPh>
    <rPh sb="7" eb="10">
      <t>ホゴシャ</t>
    </rPh>
    <rPh sb="10" eb="13">
      <t>フタンカン</t>
    </rPh>
    <phoneticPr fontId="1"/>
  </si>
  <si>
    <t>表31　性別とフッ素歯磨剤使用有無</t>
    <rPh sb="0" eb="1">
      <t>ヒョウ</t>
    </rPh>
    <rPh sb="4" eb="6">
      <t>セイベツ</t>
    </rPh>
    <rPh sb="9" eb="10">
      <t>ソ</t>
    </rPh>
    <rPh sb="10" eb="13">
      <t>シマザイ</t>
    </rPh>
    <rPh sb="13" eb="15">
      <t>シヨウ</t>
    </rPh>
    <rPh sb="15" eb="17">
      <t>ウム</t>
    </rPh>
    <phoneticPr fontId="1"/>
  </si>
  <si>
    <t>表32　性別とフッ化物塗布有無</t>
    <rPh sb="0" eb="1">
      <t>ヒョウ</t>
    </rPh>
    <rPh sb="4" eb="6">
      <t>セイベツ</t>
    </rPh>
    <rPh sb="9" eb="11">
      <t>カブツ</t>
    </rPh>
    <rPh sb="11" eb="13">
      <t>トフ</t>
    </rPh>
    <rPh sb="13" eb="15">
      <t>ウム</t>
    </rPh>
    <phoneticPr fontId="1"/>
  </si>
  <si>
    <t>表33　性別と歯科受診経験有無</t>
    <rPh sb="0" eb="1">
      <t>ヒョウ</t>
    </rPh>
    <rPh sb="4" eb="6">
      <t>セイベツ</t>
    </rPh>
    <rPh sb="7" eb="11">
      <t>シカジュシン</t>
    </rPh>
    <rPh sb="11" eb="13">
      <t>ケイケン</t>
    </rPh>
    <rPh sb="13" eb="15">
      <t>ウム</t>
    </rPh>
    <phoneticPr fontId="1"/>
  </si>
  <si>
    <t>表35　性別とかかりつけ歯科医院有無</t>
    <rPh sb="0" eb="1">
      <t>ヒョウ</t>
    </rPh>
    <rPh sb="4" eb="6">
      <t>セイベツ</t>
    </rPh>
    <rPh sb="12" eb="14">
      <t>シカ</t>
    </rPh>
    <rPh sb="14" eb="16">
      <t>イイン</t>
    </rPh>
    <rPh sb="16" eb="18">
      <t>ウム</t>
    </rPh>
    <phoneticPr fontId="1"/>
  </si>
  <si>
    <t>表36　性別と歯科恐怖・拒否</t>
    <rPh sb="0" eb="1">
      <t>ヒョウ</t>
    </rPh>
    <rPh sb="4" eb="6">
      <t>セイベツ</t>
    </rPh>
    <rPh sb="7" eb="9">
      <t>シカ</t>
    </rPh>
    <rPh sb="9" eb="11">
      <t>キョウフ</t>
    </rPh>
    <rPh sb="12" eb="14">
      <t>キョヒ</t>
    </rPh>
    <phoneticPr fontId="1"/>
  </si>
  <si>
    <t>表37　性別とむし歯有無</t>
    <rPh sb="0" eb="1">
      <t>ヒョウ</t>
    </rPh>
    <rPh sb="4" eb="6">
      <t>セイベツ</t>
    </rPh>
    <rPh sb="9" eb="12">
      <t>バウム</t>
    </rPh>
    <phoneticPr fontId="1"/>
  </si>
  <si>
    <t>表38　性別とむし歯本数</t>
    <rPh sb="0" eb="1">
      <t>ヒョウ</t>
    </rPh>
    <rPh sb="4" eb="6">
      <t>セイベツ</t>
    </rPh>
    <rPh sb="9" eb="10">
      <t>バ</t>
    </rPh>
    <rPh sb="10" eb="12">
      <t>ホンスウ</t>
    </rPh>
    <phoneticPr fontId="1"/>
  </si>
  <si>
    <t>表39　出生順位と咀嚼食品の取入</t>
    <rPh sb="0" eb="1">
      <t>ヒョウ</t>
    </rPh>
    <rPh sb="4" eb="8">
      <t>シュッショウジュンイ</t>
    </rPh>
    <phoneticPr fontId="1"/>
  </si>
  <si>
    <t>表40　出生順位と咀嚼状況</t>
    <rPh sb="0" eb="1">
      <t>ヒョウ</t>
    </rPh>
    <rPh sb="4" eb="8">
      <t>シュッショウジュンイ</t>
    </rPh>
    <phoneticPr fontId="1"/>
  </si>
  <si>
    <t>表41　出生順位とテレビ・ビデオ等習慣</t>
    <rPh sb="0" eb="1">
      <t>ヒョウ</t>
    </rPh>
    <rPh sb="4" eb="8">
      <t>シュッショウジュンイ</t>
    </rPh>
    <rPh sb="16" eb="17">
      <t>トウ</t>
    </rPh>
    <rPh sb="17" eb="19">
      <t>シュウカン</t>
    </rPh>
    <phoneticPr fontId="1"/>
  </si>
  <si>
    <t>表42　出生順位と甘味菓子摂取頻度</t>
    <rPh sb="0" eb="1">
      <t>ヒョウ</t>
    </rPh>
    <rPh sb="4" eb="6">
      <t>シュッショウ</t>
    </rPh>
    <rPh sb="6" eb="8">
      <t>ジュンイ</t>
    </rPh>
    <rPh sb="9" eb="13">
      <t>カンミカシ</t>
    </rPh>
    <rPh sb="13" eb="17">
      <t>セッシュヒンド</t>
    </rPh>
    <phoneticPr fontId="1"/>
  </si>
  <si>
    <t>表43　出生順位と甘味菓子の1日の摂取回数</t>
    <rPh sb="0" eb="1">
      <t>ヒョウ</t>
    </rPh>
    <rPh sb="4" eb="6">
      <t>シュッショウ</t>
    </rPh>
    <rPh sb="6" eb="8">
      <t>ジュンイ</t>
    </rPh>
    <rPh sb="9" eb="13">
      <t>カンミカシ</t>
    </rPh>
    <rPh sb="17" eb="21">
      <t>セッシュカイスウ</t>
    </rPh>
    <phoneticPr fontId="1"/>
  </si>
  <si>
    <t>表44　出生順位と甘味飲料摂取頻度</t>
    <rPh sb="0" eb="1">
      <t>ヒョウ</t>
    </rPh>
    <rPh sb="4" eb="6">
      <t>シュッショウ</t>
    </rPh>
    <rPh sb="6" eb="8">
      <t>ジュンイ</t>
    </rPh>
    <rPh sb="9" eb="13">
      <t>カンミインリョウ</t>
    </rPh>
    <rPh sb="13" eb="15">
      <t>セッシュ</t>
    </rPh>
    <rPh sb="15" eb="17">
      <t>ヒンド</t>
    </rPh>
    <phoneticPr fontId="1"/>
  </si>
  <si>
    <t>表45　出生順位と甘味飲料の1日の摂取回数</t>
    <rPh sb="0" eb="1">
      <t>ヒョウ</t>
    </rPh>
    <rPh sb="4" eb="6">
      <t>シュッショウ</t>
    </rPh>
    <rPh sb="6" eb="8">
      <t>ジュンイ</t>
    </rPh>
    <rPh sb="9" eb="13">
      <t>カンミインリョウ</t>
    </rPh>
    <rPh sb="17" eb="19">
      <t>セッシュ</t>
    </rPh>
    <rPh sb="19" eb="21">
      <t>カイスウ</t>
    </rPh>
    <phoneticPr fontId="1"/>
  </si>
  <si>
    <t>表46　出生順位と歯みがき頻度</t>
    <rPh sb="0" eb="1">
      <t>ヒョウ</t>
    </rPh>
    <rPh sb="4" eb="8">
      <t>シュッショウジュンイ</t>
    </rPh>
    <rPh sb="9" eb="10">
      <t>ハ</t>
    </rPh>
    <rPh sb="13" eb="15">
      <t>ヒンド</t>
    </rPh>
    <phoneticPr fontId="1"/>
  </si>
  <si>
    <t>表47　出生順位と1日の歯みがき回数</t>
    <rPh sb="0" eb="1">
      <t>ヒョウ</t>
    </rPh>
    <rPh sb="4" eb="6">
      <t>シュッショウ</t>
    </rPh>
    <rPh sb="6" eb="8">
      <t>ジュンイ</t>
    </rPh>
    <rPh sb="12" eb="13">
      <t>ハ</t>
    </rPh>
    <rPh sb="16" eb="18">
      <t>カイスウ</t>
    </rPh>
    <phoneticPr fontId="1"/>
  </si>
  <si>
    <t>表48　出生順位と保護者の仕上げみがき</t>
    <rPh sb="0" eb="1">
      <t>ヒョウ</t>
    </rPh>
    <rPh sb="4" eb="6">
      <t>シュッショウ</t>
    </rPh>
    <rPh sb="6" eb="8">
      <t>ジュンイ</t>
    </rPh>
    <rPh sb="9" eb="12">
      <t>ホゴシャ</t>
    </rPh>
    <rPh sb="13" eb="15">
      <t>シア</t>
    </rPh>
    <phoneticPr fontId="1"/>
  </si>
  <si>
    <t>表49　出生順位と保護者負担感</t>
    <rPh sb="0" eb="1">
      <t>ヒョウ</t>
    </rPh>
    <rPh sb="4" eb="6">
      <t>シュッショウ</t>
    </rPh>
    <rPh sb="6" eb="8">
      <t>ジュンイ</t>
    </rPh>
    <rPh sb="9" eb="12">
      <t>ホゴシャ</t>
    </rPh>
    <rPh sb="12" eb="15">
      <t>フタンカン</t>
    </rPh>
    <phoneticPr fontId="1"/>
  </si>
  <si>
    <t>表50　出生順位とフッ素歯磨剤使用有無</t>
    <rPh sb="0" eb="1">
      <t>ヒョウ</t>
    </rPh>
    <rPh sb="4" eb="6">
      <t>シュッショウ</t>
    </rPh>
    <rPh sb="6" eb="8">
      <t>ジュンイ</t>
    </rPh>
    <rPh sb="11" eb="12">
      <t>ソ</t>
    </rPh>
    <rPh sb="12" eb="15">
      <t>シマザイ</t>
    </rPh>
    <rPh sb="15" eb="17">
      <t>シヨウ</t>
    </rPh>
    <rPh sb="17" eb="19">
      <t>ウム</t>
    </rPh>
    <phoneticPr fontId="1"/>
  </si>
  <si>
    <t>表51　出生順位とフッ化物塗布有無</t>
    <rPh sb="0" eb="1">
      <t>ヒョウ</t>
    </rPh>
    <rPh sb="4" eb="8">
      <t>シュッショウジュンイ</t>
    </rPh>
    <rPh sb="11" eb="13">
      <t>カブツ</t>
    </rPh>
    <rPh sb="13" eb="15">
      <t>トフ</t>
    </rPh>
    <rPh sb="15" eb="17">
      <t>ウム</t>
    </rPh>
    <phoneticPr fontId="1"/>
  </si>
  <si>
    <t>表52　出生順位と歯科受診経験有無</t>
    <rPh sb="0" eb="1">
      <t>ヒョウ</t>
    </rPh>
    <rPh sb="4" eb="8">
      <t>シュッショウジュンイ</t>
    </rPh>
    <rPh sb="9" eb="13">
      <t>シカジュシン</t>
    </rPh>
    <rPh sb="13" eb="15">
      <t>ケイケン</t>
    </rPh>
    <rPh sb="15" eb="17">
      <t>ウム</t>
    </rPh>
    <phoneticPr fontId="1"/>
  </si>
  <si>
    <t>表54　出生順位とかかりつけ歯科医院有無</t>
    <rPh sb="0" eb="1">
      <t>ヒョウ</t>
    </rPh>
    <rPh sb="4" eb="8">
      <t>シュッショウジュンイ</t>
    </rPh>
    <rPh sb="14" eb="16">
      <t>シカ</t>
    </rPh>
    <rPh sb="16" eb="18">
      <t>イイン</t>
    </rPh>
    <rPh sb="18" eb="20">
      <t>ウム</t>
    </rPh>
    <phoneticPr fontId="1"/>
  </si>
  <si>
    <t>決めて
いる</t>
    <phoneticPr fontId="1"/>
  </si>
  <si>
    <t>決めて
いない</t>
    <phoneticPr fontId="1"/>
  </si>
  <si>
    <t>表55　出生順位と歯科恐怖・拒否</t>
    <rPh sb="0" eb="1">
      <t>ヒョウ</t>
    </rPh>
    <rPh sb="4" eb="8">
      <t>シュッショウジュンイ</t>
    </rPh>
    <rPh sb="9" eb="11">
      <t>シカ</t>
    </rPh>
    <rPh sb="11" eb="13">
      <t>キョウフ</t>
    </rPh>
    <rPh sb="14" eb="16">
      <t>キョヒ</t>
    </rPh>
    <phoneticPr fontId="1"/>
  </si>
  <si>
    <t>大いに
ある</t>
    <phoneticPr fontId="1"/>
  </si>
  <si>
    <t>やや
ある</t>
    <phoneticPr fontId="1"/>
  </si>
  <si>
    <t>表56　出生順位とむし歯有無</t>
    <rPh sb="0" eb="1">
      <t>ヒョウ</t>
    </rPh>
    <rPh sb="4" eb="8">
      <t>シュッショウジュンイ</t>
    </rPh>
    <rPh sb="11" eb="14">
      <t>バウム</t>
    </rPh>
    <phoneticPr fontId="1"/>
  </si>
  <si>
    <t>わから
ない</t>
    <phoneticPr fontId="1"/>
  </si>
  <si>
    <t>表57　出生順位とむし歯本数</t>
    <rPh sb="0" eb="1">
      <t>ヒョウ</t>
    </rPh>
    <rPh sb="4" eb="8">
      <t>シュッショウジュンイ</t>
    </rPh>
    <rPh sb="11" eb="12">
      <t>バ</t>
    </rPh>
    <rPh sb="12" eb="14">
      <t>ホンスウ</t>
    </rPh>
    <phoneticPr fontId="1"/>
  </si>
  <si>
    <t>表58　兄弟姉妹数と咀嚼食品の取入</t>
    <rPh sb="0" eb="1">
      <t>ヒョウ</t>
    </rPh>
    <rPh sb="4" eb="9">
      <t>キョウダイシマイスウ</t>
    </rPh>
    <phoneticPr fontId="1"/>
  </si>
  <si>
    <t>表59　兄弟姉妹数と咀嚼状況</t>
    <rPh sb="0" eb="1">
      <t>ヒョウ</t>
    </rPh>
    <rPh sb="4" eb="9">
      <t>キョウダイシマイスウ</t>
    </rPh>
    <phoneticPr fontId="1"/>
  </si>
  <si>
    <t>表60　兄弟姉妹数とテレビ・ビデオ等習慣</t>
    <rPh sb="0" eb="1">
      <t>ヒョウ</t>
    </rPh>
    <rPh sb="4" eb="9">
      <t>キョウダイシマイスウ</t>
    </rPh>
    <rPh sb="17" eb="18">
      <t>トウ</t>
    </rPh>
    <rPh sb="18" eb="20">
      <t>シュウカン</t>
    </rPh>
    <phoneticPr fontId="1"/>
  </si>
  <si>
    <t>よく
ある</t>
    <phoneticPr fontId="1"/>
  </si>
  <si>
    <t>あまり
ない</t>
    <phoneticPr fontId="1"/>
  </si>
  <si>
    <t>表61　兄弟姉妹数と甘味菓子摂取頻度</t>
    <rPh sb="0" eb="1">
      <t>ヒョウ</t>
    </rPh>
    <rPh sb="4" eb="9">
      <t>キョウダイシマイスウ</t>
    </rPh>
    <rPh sb="10" eb="14">
      <t>カンミカシ</t>
    </rPh>
    <rPh sb="14" eb="18">
      <t>セッシュヒンド</t>
    </rPh>
    <phoneticPr fontId="1"/>
  </si>
  <si>
    <t>毎日
食べる</t>
    <phoneticPr fontId="1"/>
  </si>
  <si>
    <t>表62　兄弟姉妹数と甘味菓子の1日の摂取回数</t>
    <rPh sb="0" eb="1">
      <t>ヒョウ</t>
    </rPh>
    <rPh sb="4" eb="9">
      <t>キョウダイシマイスウ</t>
    </rPh>
    <rPh sb="10" eb="14">
      <t>カンミカシ</t>
    </rPh>
    <rPh sb="18" eb="22">
      <t>セッシュカイスウ</t>
    </rPh>
    <phoneticPr fontId="1"/>
  </si>
  <si>
    <t>表63　兄弟姉妹数と甘味飲料摂取頻度</t>
    <rPh sb="0" eb="1">
      <t>ヒョウ</t>
    </rPh>
    <rPh sb="4" eb="9">
      <t>キョウダイシマイスウ</t>
    </rPh>
    <rPh sb="10" eb="14">
      <t>カンミインリョウ</t>
    </rPh>
    <rPh sb="14" eb="16">
      <t>セッシュ</t>
    </rPh>
    <rPh sb="16" eb="18">
      <t>ヒンド</t>
    </rPh>
    <phoneticPr fontId="1"/>
  </si>
  <si>
    <t>毎日
飲む</t>
    <phoneticPr fontId="1"/>
  </si>
  <si>
    <t>表64　兄弟姉妹数と甘味飲料の1日の摂取回数</t>
    <rPh sb="0" eb="1">
      <t>ヒョウ</t>
    </rPh>
    <rPh sb="4" eb="9">
      <t>キョウダイシマイスウ</t>
    </rPh>
    <rPh sb="10" eb="14">
      <t>カンミインリョウ</t>
    </rPh>
    <rPh sb="18" eb="20">
      <t>セッシュ</t>
    </rPh>
    <rPh sb="20" eb="22">
      <t>カイスウ</t>
    </rPh>
    <phoneticPr fontId="1"/>
  </si>
  <si>
    <t>表65　兄弟姉妹数と歯みがき頻度</t>
    <rPh sb="0" eb="1">
      <t>ヒョウ</t>
    </rPh>
    <rPh sb="4" eb="9">
      <t>キョウダイシマイスウ</t>
    </rPh>
    <rPh sb="10" eb="11">
      <t>ハ</t>
    </rPh>
    <rPh sb="14" eb="16">
      <t>ヒンド</t>
    </rPh>
    <phoneticPr fontId="1"/>
  </si>
  <si>
    <t>表66　兄弟姉妹数と1日の歯みがき回数</t>
    <rPh sb="0" eb="1">
      <t>ヒョウ</t>
    </rPh>
    <rPh sb="4" eb="9">
      <t>キョウダイシマイスウ</t>
    </rPh>
    <rPh sb="13" eb="14">
      <t>ハ</t>
    </rPh>
    <rPh sb="17" eb="19">
      <t>カイスウ</t>
    </rPh>
    <phoneticPr fontId="1"/>
  </si>
  <si>
    <t>2回</t>
  </si>
  <si>
    <t>2回</t>
    <phoneticPr fontId="1"/>
  </si>
  <si>
    <t>1～2回</t>
    <phoneticPr fontId="1"/>
  </si>
  <si>
    <t>表67　兄弟姉妹数と保護者の仕上げみがき</t>
    <rPh sb="0" eb="1">
      <t>ヒョウ</t>
    </rPh>
    <rPh sb="4" eb="9">
      <t>キョウダイシマイスウ</t>
    </rPh>
    <rPh sb="10" eb="13">
      <t>ホゴシャ</t>
    </rPh>
    <rPh sb="14" eb="16">
      <t>シア</t>
    </rPh>
    <phoneticPr fontId="1"/>
  </si>
  <si>
    <t>して
いない</t>
    <phoneticPr fontId="1"/>
  </si>
  <si>
    <t>して
いる</t>
    <phoneticPr fontId="1"/>
  </si>
  <si>
    <t>表68　兄弟姉妹数と保護者負担感</t>
    <rPh sb="0" eb="1">
      <t>ヒョウ</t>
    </rPh>
    <rPh sb="4" eb="9">
      <t>キョウダイシマイスウ</t>
    </rPh>
    <rPh sb="10" eb="13">
      <t>ホゴシャ</t>
    </rPh>
    <rPh sb="13" eb="16">
      <t>フタンカン</t>
    </rPh>
    <phoneticPr fontId="1"/>
  </si>
  <si>
    <t>少しある</t>
    <phoneticPr fontId="1"/>
  </si>
  <si>
    <t>表69　兄弟姉妹数とフッ素歯磨剤使用有無</t>
    <rPh sb="0" eb="1">
      <t>ヒョウ</t>
    </rPh>
    <rPh sb="4" eb="9">
      <t>キョウダイシマイスウ</t>
    </rPh>
    <rPh sb="12" eb="13">
      <t>ソ</t>
    </rPh>
    <rPh sb="13" eb="16">
      <t>シマザイ</t>
    </rPh>
    <rPh sb="16" eb="18">
      <t>シヨウ</t>
    </rPh>
    <rPh sb="18" eb="20">
      <t>ウム</t>
    </rPh>
    <phoneticPr fontId="1"/>
  </si>
  <si>
    <t>毎日
使う</t>
    <phoneticPr fontId="1"/>
  </si>
  <si>
    <t>使わ
ない</t>
    <phoneticPr fontId="1"/>
  </si>
  <si>
    <t>表70　兄弟姉妹数とフッ化物塗布有無</t>
    <rPh sb="0" eb="1">
      <t>ヒョウ</t>
    </rPh>
    <rPh sb="4" eb="9">
      <t>キョウダイシマイスウ</t>
    </rPh>
    <rPh sb="12" eb="14">
      <t>カブツ</t>
    </rPh>
    <rPh sb="14" eb="16">
      <t>トフ</t>
    </rPh>
    <rPh sb="16" eb="18">
      <t>ウム</t>
    </rPh>
    <phoneticPr fontId="1"/>
  </si>
  <si>
    <t>表71　兄弟姉妹数と歯科受診経験有無</t>
    <rPh sb="0" eb="1">
      <t>ヒョウ</t>
    </rPh>
    <rPh sb="4" eb="9">
      <t>キョウダイシマイスウ</t>
    </rPh>
    <rPh sb="10" eb="14">
      <t>シカジュシン</t>
    </rPh>
    <rPh sb="14" eb="16">
      <t>ケイケン</t>
    </rPh>
    <rPh sb="16" eb="18">
      <t>ウム</t>
    </rPh>
    <phoneticPr fontId="1"/>
  </si>
  <si>
    <t>表73　兄弟姉妹数とかかりつけ歯科医院有無</t>
    <rPh sb="0" eb="1">
      <t>ヒョウ</t>
    </rPh>
    <rPh sb="4" eb="9">
      <t>キョウダイシマイスウ</t>
    </rPh>
    <rPh sb="15" eb="17">
      <t>シカ</t>
    </rPh>
    <rPh sb="17" eb="19">
      <t>イイン</t>
    </rPh>
    <rPh sb="19" eb="21">
      <t>ウム</t>
    </rPh>
    <phoneticPr fontId="1"/>
  </si>
  <si>
    <t>表74　兄弟姉妹数と歯科恐怖・拒否</t>
    <rPh sb="0" eb="1">
      <t>ヒョウ</t>
    </rPh>
    <rPh sb="4" eb="9">
      <t>キョウダイシマイスウ</t>
    </rPh>
    <rPh sb="10" eb="12">
      <t>シカ</t>
    </rPh>
    <rPh sb="12" eb="14">
      <t>キョウフ</t>
    </rPh>
    <rPh sb="15" eb="17">
      <t>キョヒ</t>
    </rPh>
    <phoneticPr fontId="1"/>
  </si>
  <si>
    <t>表75　兄弟姉妹数とむし歯有無</t>
    <rPh sb="0" eb="1">
      <t>ヒョウ</t>
    </rPh>
    <rPh sb="4" eb="9">
      <t>キョウダイシマイスウ</t>
    </rPh>
    <rPh sb="12" eb="15">
      <t>バウム</t>
    </rPh>
    <phoneticPr fontId="1"/>
  </si>
  <si>
    <t>表76　兄弟姉妹数とむし歯本数</t>
    <rPh sb="0" eb="1">
      <t>ヒョウ</t>
    </rPh>
    <rPh sb="4" eb="9">
      <t>キョウダイシマイスウ</t>
    </rPh>
    <rPh sb="12" eb="13">
      <t>バ</t>
    </rPh>
    <rPh sb="13" eb="15">
      <t>ホンスウ</t>
    </rPh>
    <phoneticPr fontId="1"/>
  </si>
  <si>
    <t>表77　続柄と咀嚼食品の取入</t>
    <rPh sb="0" eb="1">
      <t>ヒョウ</t>
    </rPh>
    <rPh sb="4" eb="6">
      <t>ツヅキガラ</t>
    </rPh>
    <phoneticPr fontId="1"/>
  </si>
  <si>
    <t>表78　続柄と咀嚼状況</t>
    <rPh sb="0" eb="1">
      <t>ヒョウ</t>
    </rPh>
    <rPh sb="4" eb="6">
      <t>ツヅキガラ</t>
    </rPh>
    <phoneticPr fontId="1"/>
  </si>
  <si>
    <t>よく
嚙んで
食べる</t>
    <phoneticPr fontId="1"/>
  </si>
  <si>
    <t>ふつうに
嚙んで
食べる</t>
    <phoneticPr fontId="1"/>
  </si>
  <si>
    <t>あまり
嚙まずに
食べる</t>
    <phoneticPr fontId="1"/>
  </si>
  <si>
    <t>ほとんど
嚙まない</t>
    <phoneticPr fontId="1"/>
  </si>
  <si>
    <t>表79　続柄とテレビ・ビデオ等習慣</t>
    <rPh sb="0" eb="1">
      <t>ヒョウ</t>
    </rPh>
    <rPh sb="4" eb="6">
      <t>ツヅキガラ</t>
    </rPh>
    <rPh sb="14" eb="15">
      <t>トウ</t>
    </rPh>
    <rPh sb="15" eb="17">
      <t>シュウカン</t>
    </rPh>
    <phoneticPr fontId="1"/>
  </si>
  <si>
    <t>表80　続柄と甘味菓子摂取頻度</t>
    <rPh sb="0" eb="1">
      <t>ヒョウ</t>
    </rPh>
    <rPh sb="4" eb="6">
      <t>ツヅキガラ</t>
    </rPh>
    <rPh sb="7" eb="11">
      <t>カンミカシ</t>
    </rPh>
    <rPh sb="11" eb="15">
      <t>セッシュヒンド</t>
    </rPh>
    <phoneticPr fontId="1"/>
  </si>
  <si>
    <t>ときどき
食べる</t>
    <phoneticPr fontId="1"/>
  </si>
  <si>
    <t>ほとんど
食べない</t>
    <phoneticPr fontId="1"/>
  </si>
  <si>
    <t>表81　続柄と甘味菓子の1日の摂取回数</t>
    <rPh sb="0" eb="1">
      <t>ヒョウ</t>
    </rPh>
    <rPh sb="4" eb="6">
      <t>ツヅキガラ</t>
    </rPh>
    <rPh sb="7" eb="11">
      <t>カンミカシ</t>
    </rPh>
    <rPh sb="15" eb="19">
      <t>セッシュカイスウ</t>
    </rPh>
    <phoneticPr fontId="1"/>
  </si>
  <si>
    <t>表82　続柄と甘味飲料摂取頻度</t>
    <rPh sb="0" eb="1">
      <t>ヒョウ</t>
    </rPh>
    <rPh sb="4" eb="6">
      <t>ツヅキガラ</t>
    </rPh>
    <rPh sb="7" eb="11">
      <t>カンミインリョウ</t>
    </rPh>
    <rPh sb="11" eb="13">
      <t>セッシュ</t>
    </rPh>
    <rPh sb="13" eb="15">
      <t>ヒンド</t>
    </rPh>
    <phoneticPr fontId="1"/>
  </si>
  <si>
    <t>表83　続柄と甘味飲料の1日の摂取回数</t>
    <rPh sb="0" eb="1">
      <t>ヒョウ</t>
    </rPh>
    <rPh sb="4" eb="6">
      <t>ツヅキガラ</t>
    </rPh>
    <rPh sb="7" eb="11">
      <t>カンミインリョウ</t>
    </rPh>
    <rPh sb="15" eb="17">
      <t>セッシュ</t>
    </rPh>
    <rPh sb="17" eb="19">
      <t>カイスウ</t>
    </rPh>
    <phoneticPr fontId="1"/>
  </si>
  <si>
    <t>表84　続柄と歯みがき頻度</t>
    <rPh sb="0" eb="1">
      <t>ヒョウ</t>
    </rPh>
    <rPh sb="4" eb="6">
      <t>ツヅキガラ</t>
    </rPh>
    <rPh sb="7" eb="8">
      <t>ハ</t>
    </rPh>
    <rPh sb="11" eb="13">
      <t>ヒンド</t>
    </rPh>
    <phoneticPr fontId="1"/>
  </si>
  <si>
    <t>表85　続柄と1日の歯みがき回数</t>
    <rPh sb="0" eb="1">
      <t>ヒョウ</t>
    </rPh>
    <rPh sb="4" eb="6">
      <t>ツヅキガラ</t>
    </rPh>
    <rPh sb="10" eb="11">
      <t>ハ</t>
    </rPh>
    <rPh sb="14" eb="16">
      <t>カイスウ</t>
    </rPh>
    <phoneticPr fontId="1"/>
  </si>
  <si>
    <t>表86　続柄と保護者の仕上げみがき</t>
    <rPh sb="0" eb="1">
      <t>ヒョウ</t>
    </rPh>
    <rPh sb="4" eb="6">
      <t>ツヅキガラ</t>
    </rPh>
    <rPh sb="7" eb="10">
      <t>ホゴシャ</t>
    </rPh>
    <rPh sb="11" eb="13">
      <t>シア</t>
    </rPh>
    <phoneticPr fontId="1"/>
  </si>
  <si>
    <t>表87　続柄と保護者負担感</t>
    <rPh sb="0" eb="1">
      <t>ヒョウ</t>
    </rPh>
    <rPh sb="4" eb="6">
      <t>ツヅキガラ</t>
    </rPh>
    <rPh sb="7" eb="10">
      <t>ホゴシャ</t>
    </rPh>
    <rPh sb="10" eb="13">
      <t>フタンカン</t>
    </rPh>
    <phoneticPr fontId="1"/>
  </si>
  <si>
    <t>表88　続柄とフッ素歯磨剤使用有無</t>
    <rPh sb="0" eb="1">
      <t>ヒョウ</t>
    </rPh>
    <rPh sb="4" eb="6">
      <t>ツヅキガラ</t>
    </rPh>
    <rPh sb="9" eb="10">
      <t>ソ</t>
    </rPh>
    <rPh sb="10" eb="13">
      <t>シマザイ</t>
    </rPh>
    <rPh sb="13" eb="15">
      <t>シヨウ</t>
    </rPh>
    <rPh sb="15" eb="17">
      <t>ウム</t>
    </rPh>
    <phoneticPr fontId="1"/>
  </si>
  <si>
    <t>表89　続柄とフッ化物塗布有無</t>
    <rPh sb="0" eb="1">
      <t>ヒョウ</t>
    </rPh>
    <rPh sb="4" eb="6">
      <t>ツヅキガラ</t>
    </rPh>
    <rPh sb="9" eb="11">
      <t>カブツ</t>
    </rPh>
    <rPh sb="11" eb="13">
      <t>トフ</t>
    </rPh>
    <rPh sb="13" eb="15">
      <t>ウム</t>
    </rPh>
    <phoneticPr fontId="1"/>
  </si>
  <si>
    <t>表90　続柄と歯科受診経験有無</t>
    <rPh sb="0" eb="1">
      <t>ヒョウ</t>
    </rPh>
    <rPh sb="4" eb="6">
      <t>ツヅキガラ</t>
    </rPh>
    <rPh sb="7" eb="11">
      <t>シカジュシン</t>
    </rPh>
    <rPh sb="11" eb="13">
      <t>ケイケン</t>
    </rPh>
    <rPh sb="13" eb="15">
      <t>ウム</t>
    </rPh>
    <phoneticPr fontId="1"/>
  </si>
  <si>
    <t>表91-2　続柄と受診内容</t>
    <rPh sb="0" eb="1">
      <t>ヒョウ</t>
    </rPh>
    <rPh sb="6" eb="8">
      <t>ツヅキガラ</t>
    </rPh>
    <rPh sb="9" eb="11">
      <t>ジュシン</t>
    </rPh>
    <rPh sb="11" eb="13">
      <t>ナイヨウ</t>
    </rPh>
    <phoneticPr fontId="1"/>
  </si>
  <si>
    <t>表91-1　続柄と受診内容</t>
    <rPh sb="0" eb="1">
      <t>ヒョウ</t>
    </rPh>
    <rPh sb="6" eb="8">
      <t>ツヅキガラ</t>
    </rPh>
    <rPh sb="9" eb="11">
      <t>ジュシン</t>
    </rPh>
    <rPh sb="11" eb="13">
      <t>ナイヨウ</t>
    </rPh>
    <phoneticPr fontId="1"/>
  </si>
  <si>
    <t>表92　続柄とかかりつけ歯科医院有無</t>
    <rPh sb="0" eb="1">
      <t>ヒョウ</t>
    </rPh>
    <rPh sb="4" eb="6">
      <t>ツヅキガラ</t>
    </rPh>
    <rPh sb="12" eb="14">
      <t>シカ</t>
    </rPh>
    <rPh sb="14" eb="16">
      <t>イイン</t>
    </rPh>
    <rPh sb="16" eb="18">
      <t>ウム</t>
    </rPh>
    <phoneticPr fontId="1"/>
  </si>
  <si>
    <t>表93　続柄と歯科恐怖・拒否</t>
    <rPh sb="0" eb="1">
      <t>ヒョウ</t>
    </rPh>
    <rPh sb="4" eb="6">
      <t>ツヅキガラ</t>
    </rPh>
    <rPh sb="7" eb="9">
      <t>シカ</t>
    </rPh>
    <rPh sb="9" eb="11">
      <t>キョウフ</t>
    </rPh>
    <rPh sb="12" eb="14">
      <t>キョヒ</t>
    </rPh>
    <phoneticPr fontId="1"/>
  </si>
  <si>
    <t>問14-1　問14に「ある」と答えた方、この1年間に、歯科医院で受けたものすべてに〇をつけてください。</t>
    <rPh sb="6" eb="7">
      <t>トイ</t>
    </rPh>
    <rPh sb="15" eb="16">
      <t>コタ</t>
    </rPh>
    <rPh sb="18" eb="19">
      <t>カタ</t>
    </rPh>
    <rPh sb="23" eb="25">
      <t>ネンカン</t>
    </rPh>
    <rPh sb="27" eb="31">
      <t>シカイイン</t>
    </rPh>
    <rPh sb="32" eb="33">
      <t>ウ</t>
    </rPh>
    <phoneticPr fontId="1"/>
  </si>
  <si>
    <t>表34　性別と受診内容</t>
    <rPh sb="0" eb="1">
      <t>ヒョウ</t>
    </rPh>
    <rPh sb="4" eb="6">
      <t>セイベツ</t>
    </rPh>
    <rPh sb="7" eb="9">
      <t>ジュシン</t>
    </rPh>
    <rPh sb="9" eb="11">
      <t>ナイヨウ</t>
    </rPh>
    <phoneticPr fontId="1"/>
  </si>
  <si>
    <t>歯や口のけがの治療
（問14-1-7）</t>
    <rPh sb="0" eb="1">
      <t>バ</t>
    </rPh>
    <rPh sb="2" eb="3">
      <t>クチ</t>
    </rPh>
    <rPh sb="7" eb="9">
      <t>チリョウ</t>
    </rPh>
    <rPh sb="11" eb="12">
      <t>トイ</t>
    </rPh>
    <phoneticPr fontId="1"/>
  </si>
  <si>
    <t>表53　出生順位と受診内容</t>
    <rPh sb="0" eb="1">
      <t>ヒョウ</t>
    </rPh>
    <rPh sb="4" eb="8">
      <t>シュッショウジュンイ</t>
    </rPh>
    <rPh sb="9" eb="11">
      <t>ジュシン</t>
    </rPh>
    <rPh sb="11" eb="13">
      <t>ナイヨウ</t>
    </rPh>
    <phoneticPr fontId="1"/>
  </si>
  <si>
    <t>表72　兄弟姉妹数と受診内容</t>
    <rPh sb="0" eb="1">
      <t>ヒョウ</t>
    </rPh>
    <rPh sb="4" eb="9">
      <t>キョウダイシマイスウ</t>
    </rPh>
    <rPh sb="10" eb="12">
      <t>ジュシン</t>
    </rPh>
    <rPh sb="12" eb="14">
      <t>ナイヨウ</t>
    </rPh>
    <phoneticPr fontId="1"/>
  </si>
  <si>
    <t>この1年間では、歯科医院にかかっていない
（問14-1-1）</t>
    <phoneticPr fontId="1"/>
  </si>
  <si>
    <t>表94　続柄とむし歯有無</t>
    <rPh sb="0" eb="1">
      <t>ヒョウ</t>
    </rPh>
    <rPh sb="4" eb="6">
      <t>ツヅキガラ</t>
    </rPh>
    <rPh sb="9" eb="12">
      <t>バウム</t>
    </rPh>
    <phoneticPr fontId="1"/>
  </si>
  <si>
    <t>表95　続柄とむし歯本数</t>
    <rPh sb="0" eb="1">
      <t>ヒョウ</t>
    </rPh>
    <rPh sb="4" eb="6">
      <t>ツヅキガラ</t>
    </rPh>
    <rPh sb="9" eb="10">
      <t>バ</t>
    </rPh>
    <rPh sb="10" eb="12">
      <t>ホンスウ</t>
    </rPh>
    <phoneticPr fontId="1"/>
  </si>
  <si>
    <t>表96　咀嚼食品の取入と咀嚼状況</t>
    <rPh sb="0" eb="1">
      <t>ヒョウ</t>
    </rPh>
    <rPh sb="4" eb="8">
      <t>ソシャクショクヒン</t>
    </rPh>
    <rPh sb="9" eb="11">
      <t>トリイレ</t>
    </rPh>
    <phoneticPr fontId="1"/>
  </si>
  <si>
    <t>表97　咀嚼食品の取入と歯みがき頻度</t>
    <rPh sb="0" eb="1">
      <t>ヒョウ</t>
    </rPh>
    <rPh sb="4" eb="8">
      <t>ソシャクショクヒン</t>
    </rPh>
    <rPh sb="9" eb="11">
      <t>トリイレ</t>
    </rPh>
    <rPh sb="12" eb="13">
      <t>ハ</t>
    </rPh>
    <rPh sb="16" eb="18">
      <t>ヒンド</t>
    </rPh>
    <phoneticPr fontId="1"/>
  </si>
  <si>
    <t>表98　咀嚼食品の取入と1日の歯みがき回数</t>
    <rPh sb="0" eb="1">
      <t>ヒョウ</t>
    </rPh>
    <rPh sb="4" eb="8">
      <t>ソシャクショクヒン</t>
    </rPh>
    <rPh sb="9" eb="11">
      <t>トリイレ</t>
    </rPh>
    <rPh sb="15" eb="16">
      <t>ハ</t>
    </rPh>
    <rPh sb="19" eb="21">
      <t>カイスウ</t>
    </rPh>
    <phoneticPr fontId="1"/>
  </si>
  <si>
    <t>表99　咀嚼食品の取入と保護者の仕上げみがき</t>
    <rPh sb="0" eb="1">
      <t>ヒョウ</t>
    </rPh>
    <rPh sb="4" eb="8">
      <t>ソシャクショクヒン</t>
    </rPh>
    <rPh sb="9" eb="11">
      <t>トリイレ</t>
    </rPh>
    <rPh sb="12" eb="15">
      <t>ホゴシャ</t>
    </rPh>
    <rPh sb="16" eb="18">
      <t>シア</t>
    </rPh>
    <phoneticPr fontId="1"/>
  </si>
  <si>
    <t>表100　咀嚼食品の取入とフッ素歯磨剤使用有無</t>
    <rPh sb="0" eb="1">
      <t>ヒョウ</t>
    </rPh>
    <rPh sb="5" eb="9">
      <t>ソシャクショクヒン</t>
    </rPh>
    <rPh sb="10" eb="12">
      <t>トリイレ</t>
    </rPh>
    <rPh sb="15" eb="16">
      <t>ソ</t>
    </rPh>
    <rPh sb="16" eb="19">
      <t>シマザイ</t>
    </rPh>
    <rPh sb="19" eb="21">
      <t>シヨウ</t>
    </rPh>
    <rPh sb="21" eb="23">
      <t>ウム</t>
    </rPh>
    <phoneticPr fontId="1"/>
  </si>
  <si>
    <t>表101　咀嚼食品の取入とフッ化物塗布有無</t>
    <rPh sb="0" eb="1">
      <t>ヒョウ</t>
    </rPh>
    <rPh sb="5" eb="9">
      <t>ソシャクショクヒン</t>
    </rPh>
    <rPh sb="10" eb="12">
      <t>トリイレ</t>
    </rPh>
    <rPh sb="15" eb="17">
      <t>カブツ</t>
    </rPh>
    <rPh sb="17" eb="19">
      <t>トフ</t>
    </rPh>
    <rPh sb="19" eb="21">
      <t>ウム</t>
    </rPh>
    <phoneticPr fontId="1"/>
  </si>
  <si>
    <t>表102　咀嚼食品の取入と歯科受診経験有無</t>
    <rPh sb="0" eb="1">
      <t>ヒョウ</t>
    </rPh>
    <rPh sb="5" eb="9">
      <t>ソシャクショクヒン</t>
    </rPh>
    <rPh sb="10" eb="12">
      <t>トリイレ</t>
    </rPh>
    <rPh sb="13" eb="17">
      <t>シカジュシン</t>
    </rPh>
    <rPh sb="17" eb="19">
      <t>ケイケン</t>
    </rPh>
    <rPh sb="19" eb="21">
      <t>ウム</t>
    </rPh>
    <phoneticPr fontId="1"/>
  </si>
  <si>
    <t>表103　咀嚼食品の取入と受診内容</t>
    <rPh sb="0" eb="1">
      <t>ヒョウ</t>
    </rPh>
    <rPh sb="5" eb="9">
      <t>ソシャクショクヒン</t>
    </rPh>
    <rPh sb="10" eb="12">
      <t>トリイレ</t>
    </rPh>
    <rPh sb="13" eb="15">
      <t>ジュシン</t>
    </rPh>
    <rPh sb="15" eb="17">
      <t>ナイヨウ</t>
    </rPh>
    <phoneticPr fontId="1"/>
  </si>
  <si>
    <t>問14-1　問14に「ある」と答えた方、この1年間に、歯科医院で受けたものすべてに〇をつけてください。</t>
    <phoneticPr fontId="1"/>
  </si>
  <si>
    <t>表104　咀嚼食品の取入とかかりつけ歯科医院有無</t>
    <rPh sb="0" eb="1">
      <t>ヒョウ</t>
    </rPh>
    <rPh sb="5" eb="9">
      <t>ソシャクショクヒン</t>
    </rPh>
    <rPh sb="10" eb="12">
      <t>トリイレ</t>
    </rPh>
    <rPh sb="18" eb="20">
      <t>シカ</t>
    </rPh>
    <rPh sb="20" eb="22">
      <t>イイン</t>
    </rPh>
    <rPh sb="22" eb="24">
      <t>ウム</t>
    </rPh>
    <phoneticPr fontId="1"/>
  </si>
  <si>
    <t>表105　咀嚼食品の取入と定期検診受診のすすめ</t>
    <rPh sb="0" eb="1">
      <t>ヒョウ</t>
    </rPh>
    <rPh sb="5" eb="9">
      <t>ソシャクショクヒン</t>
    </rPh>
    <rPh sb="10" eb="12">
      <t>トリイレ</t>
    </rPh>
    <rPh sb="13" eb="15">
      <t>テイキ</t>
    </rPh>
    <rPh sb="15" eb="17">
      <t>ケンシン</t>
    </rPh>
    <rPh sb="17" eb="19">
      <t>ジュシン</t>
    </rPh>
    <phoneticPr fontId="1"/>
  </si>
  <si>
    <t>表106　咀嚼食品の取入と歯科恐怖・拒否</t>
    <rPh sb="0" eb="1">
      <t>ヒョウ</t>
    </rPh>
    <rPh sb="5" eb="9">
      <t>ソシャクショクヒン</t>
    </rPh>
    <rPh sb="10" eb="12">
      <t>トリイレ</t>
    </rPh>
    <rPh sb="13" eb="15">
      <t>シカ</t>
    </rPh>
    <rPh sb="15" eb="17">
      <t>キョウフ</t>
    </rPh>
    <rPh sb="18" eb="20">
      <t>キョヒ</t>
    </rPh>
    <phoneticPr fontId="1"/>
  </si>
  <si>
    <t>表107　咀嚼食品の取入とむし歯有無</t>
    <rPh sb="0" eb="1">
      <t>ヒョウ</t>
    </rPh>
    <rPh sb="5" eb="9">
      <t>ソシャクショクヒン</t>
    </rPh>
    <rPh sb="10" eb="12">
      <t>トリイレ</t>
    </rPh>
    <rPh sb="15" eb="18">
      <t>バウム</t>
    </rPh>
    <phoneticPr fontId="1"/>
  </si>
  <si>
    <t>表108　咀嚼食品の取入とむし歯本数</t>
    <rPh sb="0" eb="1">
      <t>ヒョウ</t>
    </rPh>
    <rPh sb="5" eb="9">
      <t>ソシャクショクヒン</t>
    </rPh>
    <rPh sb="10" eb="12">
      <t>トリイレ</t>
    </rPh>
    <rPh sb="15" eb="16">
      <t>バ</t>
    </rPh>
    <rPh sb="16" eb="18">
      <t>ホンスウ</t>
    </rPh>
    <phoneticPr fontId="1"/>
  </si>
  <si>
    <t>表109　咀嚼状況と歯みがき頻度</t>
    <rPh sb="0" eb="1">
      <t>ヒョウ</t>
    </rPh>
    <rPh sb="5" eb="7">
      <t>ソシャク</t>
    </rPh>
    <rPh sb="7" eb="9">
      <t>ジョウキョウ</t>
    </rPh>
    <rPh sb="10" eb="11">
      <t>ハ</t>
    </rPh>
    <rPh sb="14" eb="16">
      <t>ヒンド</t>
    </rPh>
    <phoneticPr fontId="1"/>
  </si>
  <si>
    <t>表110　咀嚼状況と1日の歯みがき回数</t>
    <rPh sb="0" eb="1">
      <t>ヒョウ</t>
    </rPh>
    <rPh sb="5" eb="7">
      <t>ソシャク</t>
    </rPh>
    <rPh sb="7" eb="9">
      <t>ジョウキョウ</t>
    </rPh>
    <rPh sb="13" eb="14">
      <t>ハ</t>
    </rPh>
    <rPh sb="17" eb="19">
      <t>カイスウ</t>
    </rPh>
    <phoneticPr fontId="1"/>
  </si>
  <si>
    <t>表111　咀嚼状況と保護者の仕上げみがき</t>
    <rPh sb="0" eb="1">
      <t>ヒョウ</t>
    </rPh>
    <rPh sb="5" eb="9">
      <t>ソシャクジョウキョウ</t>
    </rPh>
    <rPh sb="10" eb="13">
      <t>ホゴシャ</t>
    </rPh>
    <rPh sb="14" eb="16">
      <t>シア</t>
    </rPh>
    <phoneticPr fontId="1"/>
  </si>
  <si>
    <t>表112　咀嚼状況とフッ素歯磨剤使用有無</t>
    <rPh sb="0" eb="1">
      <t>ヒョウ</t>
    </rPh>
    <rPh sb="5" eb="9">
      <t>ソシャクジョウキョウ</t>
    </rPh>
    <rPh sb="12" eb="13">
      <t>ソ</t>
    </rPh>
    <rPh sb="13" eb="16">
      <t>シマザイ</t>
    </rPh>
    <rPh sb="16" eb="18">
      <t>シヨウ</t>
    </rPh>
    <rPh sb="18" eb="20">
      <t>ウム</t>
    </rPh>
    <phoneticPr fontId="1"/>
  </si>
  <si>
    <t>表113　咀嚼状況とフッ化物塗布有無</t>
    <rPh sb="0" eb="1">
      <t>ヒョウ</t>
    </rPh>
    <rPh sb="5" eb="9">
      <t>ソシャクジョウキョウ</t>
    </rPh>
    <rPh sb="12" eb="14">
      <t>カブツ</t>
    </rPh>
    <rPh sb="14" eb="16">
      <t>トフ</t>
    </rPh>
    <rPh sb="16" eb="18">
      <t>ウム</t>
    </rPh>
    <phoneticPr fontId="1"/>
  </si>
  <si>
    <t>表114　咀嚼状況と歯科受診経験有無</t>
    <rPh sb="0" eb="1">
      <t>ヒョウ</t>
    </rPh>
    <rPh sb="5" eb="9">
      <t>ソシャクジョウキョウ</t>
    </rPh>
    <rPh sb="10" eb="14">
      <t>シカジュシン</t>
    </rPh>
    <rPh sb="14" eb="16">
      <t>ケイケン</t>
    </rPh>
    <rPh sb="16" eb="18">
      <t>ウム</t>
    </rPh>
    <phoneticPr fontId="1"/>
  </si>
  <si>
    <t>表115-1　咀嚼状況と受診内容</t>
    <rPh sb="0" eb="1">
      <t>ヒョウ</t>
    </rPh>
    <rPh sb="7" eb="11">
      <t>ソシャクジョウキョウ</t>
    </rPh>
    <rPh sb="12" eb="14">
      <t>ジュシン</t>
    </rPh>
    <rPh sb="14" eb="16">
      <t>ナイヨウ</t>
    </rPh>
    <phoneticPr fontId="1"/>
  </si>
  <si>
    <t>表115-2　咀嚼状況と受診内容</t>
    <rPh sb="0" eb="1">
      <t>ヒョウ</t>
    </rPh>
    <rPh sb="7" eb="11">
      <t>ソシャクジョウキョウ</t>
    </rPh>
    <rPh sb="12" eb="14">
      <t>ジュシン</t>
    </rPh>
    <rPh sb="14" eb="16">
      <t>ナイヨウ</t>
    </rPh>
    <phoneticPr fontId="1"/>
  </si>
  <si>
    <t>表116　咀嚼状況とかかりつけ歯科医院有無</t>
    <rPh sb="0" eb="1">
      <t>ヒョウ</t>
    </rPh>
    <rPh sb="5" eb="9">
      <t>ソシャクジョウキョウ</t>
    </rPh>
    <rPh sb="15" eb="17">
      <t>シカ</t>
    </rPh>
    <rPh sb="17" eb="19">
      <t>イイン</t>
    </rPh>
    <rPh sb="19" eb="21">
      <t>ウム</t>
    </rPh>
    <phoneticPr fontId="1"/>
  </si>
  <si>
    <t>表117　咀嚼状況と定期検診受診のすすめ</t>
    <rPh sb="0" eb="1">
      <t>ヒョウ</t>
    </rPh>
    <rPh sb="5" eb="9">
      <t>ソシャクジョウキョウ</t>
    </rPh>
    <rPh sb="10" eb="12">
      <t>テイキ</t>
    </rPh>
    <rPh sb="12" eb="14">
      <t>ケンシン</t>
    </rPh>
    <rPh sb="14" eb="16">
      <t>ジュシン</t>
    </rPh>
    <phoneticPr fontId="1"/>
  </si>
  <si>
    <t>表118　咀嚼状況と歯科恐怖・拒否</t>
    <rPh sb="0" eb="1">
      <t>ヒョウ</t>
    </rPh>
    <rPh sb="5" eb="9">
      <t>ソシャクジョウキョウ</t>
    </rPh>
    <rPh sb="10" eb="12">
      <t>シカ</t>
    </rPh>
    <rPh sb="12" eb="14">
      <t>キョウフ</t>
    </rPh>
    <rPh sb="15" eb="17">
      <t>キョヒ</t>
    </rPh>
    <phoneticPr fontId="1"/>
  </si>
  <si>
    <t>表119　咀嚼状況とむし歯有無</t>
    <rPh sb="0" eb="1">
      <t>ヒョウ</t>
    </rPh>
    <rPh sb="5" eb="9">
      <t>ソシャクジョウキョウ</t>
    </rPh>
    <rPh sb="12" eb="15">
      <t>バウム</t>
    </rPh>
    <phoneticPr fontId="1"/>
  </si>
  <si>
    <t>表120　咀嚼状況とむし歯本数</t>
    <rPh sb="0" eb="1">
      <t>ヒョウ</t>
    </rPh>
    <rPh sb="5" eb="9">
      <t>ソシャクジョウキョウ</t>
    </rPh>
    <rPh sb="12" eb="13">
      <t>バ</t>
    </rPh>
    <rPh sb="13" eb="15">
      <t>ホンスウ</t>
    </rPh>
    <phoneticPr fontId="1"/>
  </si>
  <si>
    <t>表121　テレビ・ビデオ等習慣と甘味菓子摂取頻度</t>
    <rPh sb="0" eb="1">
      <t>ヒョウ</t>
    </rPh>
    <rPh sb="12" eb="15">
      <t>トウシュウカン</t>
    </rPh>
    <rPh sb="16" eb="20">
      <t>カンミカシ</t>
    </rPh>
    <rPh sb="20" eb="24">
      <t>セッシュヒンド</t>
    </rPh>
    <phoneticPr fontId="1"/>
  </si>
  <si>
    <t>表122　テレビ・ビデオ等習慣と甘味菓子の1日の摂取回数</t>
    <rPh sb="0" eb="1">
      <t>ヒョウ</t>
    </rPh>
    <rPh sb="12" eb="15">
      <t>トウシュウカン</t>
    </rPh>
    <rPh sb="16" eb="20">
      <t>カンミカシ</t>
    </rPh>
    <rPh sb="24" eb="28">
      <t>セッシュカイスウ</t>
    </rPh>
    <phoneticPr fontId="1"/>
  </si>
  <si>
    <t>表123　テレビ・ビデオ等習慣と甘味飲料摂取頻度</t>
    <rPh sb="0" eb="1">
      <t>ヒョウ</t>
    </rPh>
    <rPh sb="12" eb="15">
      <t>トウシュウカン</t>
    </rPh>
    <rPh sb="16" eb="20">
      <t>カンミインリョウ</t>
    </rPh>
    <rPh sb="20" eb="22">
      <t>セッシュ</t>
    </rPh>
    <rPh sb="22" eb="24">
      <t>ヒンド</t>
    </rPh>
    <phoneticPr fontId="1"/>
  </si>
  <si>
    <t>表124　テレビ・ビデオ等習慣と甘味飲料の1日の摂取回数</t>
    <rPh sb="0" eb="1">
      <t>ヒョウ</t>
    </rPh>
    <rPh sb="12" eb="15">
      <t>トウシュウカン</t>
    </rPh>
    <rPh sb="16" eb="20">
      <t>カンミインリョウ</t>
    </rPh>
    <rPh sb="24" eb="26">
      <t>セッシュ</t>
    </rPh>
    <rPh sb="26" eb="28">
      <t>カイスウ</t>
    </rPh>
    <phoneticPr fontId="1"/>
  </si>
  <si>
    <t>表125　テレビ・ビデオ等習慣と歯みがき頻度</t>
    <rPh sb="0" eb="1">
      <t>ヒョウ</t>
    </rPh>
    <rPh sb="12" eb="15">
      <t>トウシュウカン</t>
    </rPh>
    <rPh sb="16" eb="17">
      <t>ハ</t>
    </rPh>
    <rPh sb="20" eb="22">
      <t>ヒンド</t>
    </rPh>
    <phoneticPr fontId="1"/>
  </si>
  <si>
    <t>表126　テレビ・ビデオ等習慣と1日の歯みがき回数</t>
    <rPh sb="0" eb="1">
      <t>ヒョウ</t>
    </rPh>
    <rPh sb="12" eb="15">
      <t>トウシュウカン</t>
    </rPh>
    <rPh sb="19" eb="20">
      <t>ハ</t>
    </rPh>
    <rPh sb="23" eb="25">
      <t>カイスウ</t>
    </rPh>
    <phoneticPr fontId="1"/>
  </si>
  <si>
    <t>表127　テレビ・ビデオ等習慣と保護者の仕上げみがき</t>
    <rPh sb="0" eb="1">
      <t>ヒョウ</t>
    </rPh>
    <rPh sb="12" eb="15">
      <t>トウシュウカン</t>
    </rPh>
    <rPh sb="16" eb="19">
      <t>ホゴシャ</t>
    </rPh>
    <rPh sb="20" eb="22">
      <t>シア</t>
    </rPh>
    <phoneticPr fontId="1"/>
  </si>
  <si>
    <t>表128　テレビ・ビデオ等習慣と保護者負担感</t>
    <rPh sb="0" eb="1">
      <t>ヒョウ</t>
    </rPh>
    <rPh sb="12" eb="15">
      <t>トウシュウカン</t>
    </rPh>
    <rPh sb="16" eb="19">
      <t>ホゴシャ</t>
    </rPh>
    <rPh sb="19" eb="22">
      <t>フタンカン</t>
    </rPh>
    <phoneticPr fontId="1"/>
  </si>
  <si>
    <t>表129　テレビ・ビデオ等習慣とフッ素歯磨剤使用有無</t>
    <rPh sb="0" eb="1">
      <t>ヒョウ</t>
    </rPh>
    <rPh sb="12" eb="15">
      <t>トウシュウカン</t>
    </rPh>
    <rPh sb="18" eb="19">
      <t>ソ</t>
    </rPh>
    <rPh sb="19" eb="22">
      <t>シマザイ</t>
    </rPh>
    <rPh sb="22" eb="24">
      <t>シヨウ</t>
    </rPh>
    <rPh sb="24" eb="26">
      <t>ウム</t>
    </rPh>
    <phoneticPr fontId="1"/>
  </si>
  <si>
    <t>表130　テレビ・ビデオ等習慣とフッ化物塗布有無</t>
    <rPh sb="0" eb="1">
      <t>ヒョウ</t>
    </rPh>
    <rPh sb="12" eb="15">
      <t>トウシュウカン</t>
    </rPh>
    <rPh sb="18" eb="20">
      <t>カブツ</t>
    </rPh>
    <rPh sb="20" eb="22">
      <t>トフ</t>
    </rPh>
    <rPh sb="22" eb="24">
      <t>ウム</t>
    </rPh>
    <phoneticPr fontId="1"/>
  </si>
  <si>
    <t>表131　テレビ・ビデオ等習慣と歯科受診経験有無</t>
    <rPh sb="0" eb="1">
      <t>ヒョウ</t>
    </rPh>
    <rPh sb="12" eb="15">
      <t>トウシュウカン</t>
    </rPh>
    <rPh sb="16" eb="20">
      <t>シカジュシン</t>
    </rPh>
    <rPh sb="20" eb="22">
      <t>ケイケン</t>
    </rPh>
    <rPh sb="22" eb="24">
      <t>ウム</t>
    </rPh>
    <phoneticPr fontId="1"/>
  </si>
  <si>
    <t>表132　テレビ・ビデオ等習慣と受診内容</t>
    <rPh sb="0" eb="1">
      <t>ヒョウ</t>
    </rPh>
    <rPh sb="12" eb="13">
      <t>トウ</t>
    </rPh>
    <rPh sb="13" eb="15">
      <t>シュウカン</t>
    </rPh>
    <rPh sb="16" eb="18">
      <t>ジュシン</t>
    </rPh>
    <rPh sb="18" eb="20">
      <t>ナイヨウ</t>
    </rPh>
    <phoneticPr fontId="1"/>
  </si>
  <si>
    <t>表133　テレビ・ビデオ等習慣とかかりつけ歯科医院有無</t>
    <rPh sb="0" eb="1">
      <t>ヒョウ</t>
    </rPh>
    <rPh sb="12" eb="15">
      <t>トウシュウカン</t>
    </rPh>
    <rPh sb="21" eb="23">
      <t>シカ</t>
    </rPh>
    <rPh sb="23" eb="25">
      <t>イイン</t>
    </rPh>
    <rPh sb="25" eb="27">
      <t>ウム</t>
    </rPh>
    <phoneticPr fontId="1"/>
  </si>
  <si>
    <t>表134　テレビ・ビデオ等習慣と定期検診受診のすすめ</t>
    <rPh sb="0" eb="1">
      <t>ヒョウ</t>
    </rPh>
    <rPh sb="12" eb="15">
      <t>トウシュウカン</t>
    </rPh>
    <rPh sb="16" eb="18">
      <t>テイキ</t>
    </rPh>
    <rPh sb="18" eb="20">
      <t>ケンシン</t>
    </rPh>
    <rPh sb="20" eb="22">
      <t>ジュシン</t>
    </rPh>
    <phoneticPr fontId="1"/>
  </si>
  <si>
    <t>表135　テレビ・ビデオ等習慣と歯科恐怖・拒否</t>
    <rPh sb="0" eb="1">
      <t>ヒョウ</t>
    </rPh>
    <rPh sb="12" eb="15">
      <t>トウシュウカン</t>
    </rPh>
    <rPh sb="16" eb="18">
      <t>シカ</t>
    </rPh>
    <rPh sb="18" eb="20">
      <t>キョウフ</t>
    </rPh>
    <rPh sb="21" eb="23">
      <t>キョヒ</t>
    </rPh>
    <phoneticPr fontId="1"/>
  </si>
  <si>
    <t>表136　テレビ・ビデオ等習慣とむし歯有無</t>
    <rPh sb="0" eb="1">
      <t>ヒョウ</t>
    </rPh>
    <rPh sb="12" eb="15">
      <t>トウシュウカン</t>
    </rPh>
    <rPh sb="18" eb="21">
      <t>バウム</t>
    </rPh>
    <phoneticPr fontId="1"/>
  </si>
  <si>
    <t>表137　テレビ・ビデオ等習慣とむし歯本数</t>
    <rPh sb="0" eb="1">
      <t>ヒョウ</t>
    </rPh>
    <rPh sb="12" eb="15">
      <t>トウシュウカン</t>
    </rPh>
    <rPh sb="18" eb="19">
      <t>バ</t>
    </rPh>
    <rPh sb="19" eb="21">
      <t>ホンスウ</t>
    </rPh>
    <phoneticPr fontId="1"/>
  </si>
  <si>
    <t>表138　甘味菓子摂取頻度と甘味菓子の1日の摂取回数</t>
    <rPh sb="0" eb="1">
      <t>ヒョウ</t>
    </rPh>
    <rPh sb="5" eb="13">
      <t>カンミカシセッシュヒンド</t>
    </rPh>
    <rPh sb="14" eb="18">
      <t>カンミカシ</t>
    </rPh>
    <rPh sb="22" eb="26">
      <t>セッシュカイスウ</t>
    </rPh>
    <phoneticPr fontId="1"/>
  </si>
  <si>
    <t>表139　甘味菓子摂取頻度と甘味飲料摂取頻度</t>
    <rPh sb="0" eb="1">
      <t>ヒョウ</t>
    </rPh>
    <rPh sb="5" eb="13">
      <t>カンミカシセッシュヒンド</t>
    </rPh>
    <rPh sb="14" eb="18">
      <t>カンミインリョウ</t>
    </rPh>
    <rPh sb="18" eb="20">
      <t>セッシュ</t>
    </rPh>
    <rPh sb="20" eb="22">
      <t>ヒンド</t>
    </rPh>
    <phoneticPr fontId="1"/>
  </si>
  <si>
    <t>表140　甘味菓子摂取頻度と甘味飲料の1日の摂取回数</t>
    <rPh sb="0" eb="1">
      <t>ヒョウ</t>
    </rPh>
    <rPh sb="5" eb="13">
      <t>カンミカシセッシュヒンド</t>
    </rPh>
    <rPh sb="14" eb="18">
      <t>カンミインリョウ</t>
    </rPh>
    <rPh sb="22" eb="24">
      <t>セッシュ</t>
    </rPh>
    <rPh sb="24" eb="26">
      <t>カイスウ</t>
    </rPh>
    <phoneticPr fontId="1"/>
  </si>
  <si>
    <t>表141　甘味菓子摂取頻度と歯みがき頻度</t>
    <rPh sb="0" eb="1">
      <t>ヒョウ</t>
    </rPh>
    <rPh sb="5" eb="13">
      <t>カンミカシセッシュヒンド</t>
    </rPh>
    <rPh sb="14" eb="15">
      <t>ハ</t>
    </rPh>
    <rPh sb="18" eb="20">
      <t>ヒンド</t>
    </rPh>
    <phoneticPr fontId="1"/>
  </si>
  <si>
    <t>表142　甘味菓子摂取頻度と1日の歯みがき回数</t>
    <rPh sb="0" eb="1">
      <t>ヒョウ</t>
    </rPh>
    <rPh sb="5" eb="13">
      <t>カンミカシセッシュヒンド</t>
    </rPh>
    <rPh sb="17" eb="18">
      <t>ハ</t>
    </rPh>
    <rPh sb="21" eb="23">
      <t>カイスウ</t>
    </rPh>
    <phoneticPr fontId="1"/>
  </si>
  <si>
    <t>表143　甘味菓子摂取頻度と保護者の仕上げみがき</t>
    <rPh sb="0" eb="1">
      <t>ヒョウ</t>
    </rPh>
    <rPh sb="5" eb="13">
      <t>カンミカシセッシュヒンド</t>
    </rPh>
    <rPh sb="14" eb="17">
      <t>ホゴシャ</t>
    </rPh>
    <rPh sb="18" eb="20">
      <t>シア</t>
    </rPh>
    <phoneticPr fontId="1"/>
  </si>
  <si>
    <t>表144　甘味菓子摂取頻度と保護者負担感</t>
    <rPh sb="0" eb="1">
      <t>ヒョウ</t>
    </rPh>
    <rPh sb="5" eb="13">
      <t>カンミカシセッシュヒンド</t>
    </rPh>
    <rPh sb="14" eb="17">
      <t>ホゴシャ</t>
    </rPh>
    <rPh sb="17" eb="20">
      <t>フタンカン</t>
    </rPh>
    <phoneticPr fontId="1"/>
  </si>
  <si>
    <t>表145　甘味菓子摂取頻度とフッ素歯磨剤使用有無</t>
    <rPh sb="0" eb="1">
      <t>ヒョウ</t>
    </rPh>
    <rPh sb="5" eb="13">
      <t>カンミカシセッシュヒンド</t>
    </rPh>
    <rPh sb="16" eb="17">
      <t>ソ</t>
    </rPh>
    <rPh sb="17" eb="20">
      <t>シマザイ</t>
    </rPh>
    <rPh sb="20" eb="22">
      <t>シヨウ</t>
    </rPh>
    <rPh sb="22" eb="24">
      <t>ウム</t>
    </rPh>
    <phoneticPr fontId="1"/>
  </si>
  <si>
    <t>表146　甘味菓子摂取頻度とフッ化物塗布有無</t>
    <rPh sb="0" eb="1">
      <t>ヒョウ</t>
    </rPh>
    <rPh sb="5" eb="13">
      <t>カンミカシセッシュヒンド</t>
    </rPh>
    <rPh sb="16" eb="18">
      <t>カブツ</t>
    </rPh>
    <rPh sb="18" eb="20">
      <t>トフ</t>
    </rPh>
    <rPh sb="20" eb="22">
      <t>ウム</t>
    </rPh>
    <phoneticPr fontId="1"/>
  </si>
  <si>
    <t>表147　甘味菓子摂取頻度と歯科受診経験有無</t>
    <rPh sb="0" eb="1">
      <t>ヒョウ</t>
    </rPh>
    <rPh sb="5" eb="13">
      <t>カンミカシセッシュヒンド</t>
    </rPh>
    <rPh sb="14" eb="18">
      <t>シカジュシン</t>
    </rPh>
    <rPh sb="18" eb="20">
      <t>ケイケン</t>
    </rPh>
    <rPh sb="20" eb="22">
      <t>ウム</t>
    </rPh>
    <phoneticPr fontId="1"/>
  </si>
  <si>
    <t>表148　甘味菓子摂取頻度と受診内容</t>
    <rPh sb="0" eb="1">
      <t>ヒョウ</t>
    </rPh>
    <rPh sb="5" eb="13">
      <t>カンミカシセッシュヒンド</t>
    </rPh>
    <rPh sb="14" eb="16">
      <t>ジュシン</t>
    </rPh>
    <rPh sb="16" eb="18">
      <t>ナイヨウ</t>
    </rPh>
    <phoneticPr fontId="1"/>
  </si>
  <si>
    <t>表149　甘味菓子摂取頻度とかかりつけ歯科医院有無</t>
    <rPh sb="0" eb="1">
      <t>ヒョウ</t>
    </rPh>
    <rPh sb="5" eb="13">
      <t>カンミカシセッシュヒンド</t>
    </rPh>
    <rPh sb="19" eb="21">
      <t>シカ</t>
    </rPh>
    <rPh sb="21" eb="23">
      <t>イイン</t>
    </rPh>
    <rPh sb="23" eb="25">
      <t>ウム</t>
    </rPh>
    <phoneticPr fontId="1"/>
  </si>
  <si>
    <t>表150　甘味菓子摂取頻度と定期検診受診のすすめ</t>
    <rPh sb="0" eb="1">
      <t>ヒョウ</t>
    </rPh>
    <rPh sb="5" eb="13">
      <t>カンミカシセッシュヒンド</t>
    </rPh>
    <rPh sb="14" eb="16">
      <t>テイキ</t>
    </rPh>
    <rPh sb="16" eb="18">
      <t>ケンシン</t>
    </rPh>
    <rPh sb="18" eb="20">
      <t>ジュシン</t>
    </rPh>
    <phoneticPr fontId="1"/>
  </si>
  <si>
    <t>表151　甘味菓子摂取頻度と歯科恐怖・拒否</t>
    <rPh sb="0" eb="1">
      <t>ヒョウ</t>
    </rPh>
    <rPh sb="5" eb="13">
      <t>カンミカシセッシュヒンド</t>
    </rPh>
    <rPh sb="14" eb="16">
      <t>シカ</t>
    </rPh>
    <rPh sb="16" eb="18">
      <t>キョウフ</t>
    </rPh>
    <rPh sb="19" eb="21">
      <t>キョヒ</t>
    </rPh>
    <phoneticPr fontId="1"/>
  </si>
  <si>
    <t>表152　甘味菓子摂取頻度とむし歯有無</t>
    <rPh sb="0" eb="1">
      <t>ヒョウ</t>
    </rPh>
    <rPh sb="5" eb="13">
      <t>カンミカシセッシュヒンド</t>
    </rPh>
    <rPh sb="16" eb="19">
      <t>バウム</t>
    </rPh>
    <phoneticPr fontId="1"/>
  </si>
  <si>
    <t>表153　甘味菓子摂取頻度とむし歯本数</t>
    <rPh sb="0" eb="1">
      <t>ヒョウ</t>
    </rPh>
    <rPh sb="5" eb="9">
      <t>カンミカシ</t>
    </rPh>
    <rPh sb="9" eb="13">
      <t>セッシュヒンド</t>
    </rPh>
    <rPh sb="16" eb="17">
      <t>バ</t>
    </rPh>
    <rPh sb="17" eb="19">
      <t>ホンスウ</t>
    </rPh>
    <phoneticPr fontId="1"/>
  </si>
  <si>
    <t>表154　甘味菓子摂取回数と甘味飲料摂取頻度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4" eb="18">
      <t>カンミインリョウ</t>
    </rPh>
    <rPh sb="18" eb="20">
      <t>セッシュ</t>
    </rPh>
    <rPh sb="20" eb="22">
      <t>ヒンド</t>
    </rPh>
    <phoneticPr fontId="1"/>
  </si>
  <si>
    <t>表155　甘味菓子摂取回数と甘味飲料の1日の摂取回数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4" eb="18">
      <t>カンミインリョウ</t>
    </rPh>
    <rPh sb="22" eb="24">
      <t>セッシュ</t>
    </rPh>
    <rPh sb="24" eb="26">
      <t>カイスウ</t>
    </rPh>
    <phoneticPr fontId="1"/>
  </si>
  <si>
    <t>表156　甘味菓子摂取回数と歯みがき頻度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4" eb="15">
      <t>ハ</t>
    </rPh>
    <rPh sb="18" eb="20">
      <t>ヒンド</t>
    </rPh>
    <phoneticPr fontId="1"/>
  </si>
  <si>
    <t>表157　甘味菓子摂取回数と1日の歯みがき回数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7" eb="18">
      <t>ハ</t>
    </rPh>
    <rPh sb="21" eb="23">
      <t>カイスウ</t>
    </rPh>
    <phoneticPr fontId="1"/>
  </si>
  <si>
    <t>表158　甘味菓子摂取回数と保護者の仕上げみがき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4" eb="17">
      <t>ホゴシャ</t>
    </rPh>
    <rPh sb="18" eb="20">
      <t>シア</t>
    </rPh>
    <phoneticPr fontId="1"/>
  </si>
  <si>
    <t>表159　甘味菓子摂取回数と保護者負担感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4" eb="17">
      <t>ホゴシャ</t>
    </rPh>
    <rPh sb="17" eb="20">
      <t>フタンカン</t>
    </rPh>
    <phoneticPr fontId="1"/>
  </si>
  <si>
    <t>表160　甘味菓子摂取回数とフッ素歯磨剤使用有無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6" eb="17">
      <t>ソ</t>
    </rPh>
    <rPh sb="17" eb="20">
      <t>シマザイ</t>
    </rPh>
    <rPh sb="20" eb="22">
      <t>シヨウ</t>
    </rPh>
    <rPh sb="22" eb="24">
      <t>ウム</t>
    </rPh>
    <phoneticPr fontId="1"/>
  </si>
  <si>
    <t>表161　甘味菓子摂取回数とフッ化物塗布有無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6" eb="18">
      <t>カブツ</t>
    </rPh>
    <rPh sb="18" eb="20">
      <t>トフ</t>
    </rPh>
    <rPh sb="20" eb="22">
      <t>ウム</t>
    </rPh>
    <phoneticPr fontId="1"/>
  </si>
  <si>
    <t>表162　甘味菓子摂取回数と歯科受診経験有無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4" eb="18">
      <t>シカジュシン</t>
    </rPh>
    <rPh sb="18" eb="20">
      <t>ケイケン</t>
    </rPh>
    <rPh sb="20" eb="22">
      <t>ウム</t>
    </rPh>
    <phoneticPr fontId="1"/>
  </si>
  <si>
    <t>表163　甘味菓子摂取回数と受診内容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4" eb="16">
      <t>ジュシン</t>
    </rPh>
    <rPh sb="16" eb="18">
      <t>ナイヨウ</t>
    </rPh>
    <phoneticPr fontId="1"/>
  </si>
  <si>
    <t>表164　甘味菓子摂取回数とかかりつけ歯科医院有無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9" eb="21">
      <t>シカ</t>
    </rPh>
    <rPh sb="21" eb="23">
      <t>イイン</t>
    </rPh>
    <rPh sb="23" eb="25">
      <t>ウム</t>
    </rPh>
    <phoneticPr fontId="1"/>
  </si>
  <si>
    <t>表165　甘味菓子摂取回数と定期検診受診のすすめ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4" eb="16">
      <t>テイキ</t>
    </rPh>
    <rPh sb="16" eb="18">
      <t>ケンシン</t>
    </rPh>
    <rPh sb="18" eb="20">
      <t>ジュシン</t>
    </rPh>
    <phoneticPr fontId="1"/>
  </si>
  <si>
    <t>表166　甘味菓子摂取回数と歯科恐怖・拒否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4" eb="16">
      <t>シカ</t>
    </rPh>
    <rPh sb="16" eb="18">
      <t>キョウフ</t>
    </rPh>
    <rPh sb="19" eb="21">
      <t>キョヒ</t>
    </rPh>
    <phoneticPr fontId="1"/>
  </si>
  <si>
    <t>表167　甘味菓子摂取回数とむし歯有無</t>
    <rPh sb="0" eb="1">
      <t>ヒョウ</t>
    </rPh>
    <rPh sb="5" eb="7">
      <t>カンミ</t>
    </rPh>
    <rPh sb="7" eb="9">
      <t>カシ</t>
    </rPh>
    <rPh sb="9" eb="11">
      <t>セッシュ</t>
    </rPh>
    <rPh sb="11" eb="13">
      <t>カイスウ</t>
    </rPh>
    <rPh sb="16" eb="19">
      <t>バウム</t>
    </rPh>
    <phoneticPr fontId="1"/>
  </si>
  <si>
    <t>表168　甘味菓子摂取回数とむし歯本数</t>
    <rPh sb="0" eb="1">
      <t>ヒョウ</t>
    </rPh>
    <rPh sb="5" eb="9">
      <t>カンミカシ</t>
    </rPh>
    <rPh sb="9" eb="11">
      <t>セッシュ</t>
    </rPh>
    <rPh sb="11" eb="13">
      <t>カイスウ</t>
    </rPh>
    <rPh sb="16" eb="17">
      <t>バ</t>
    </rPh>
    <rPh sb="17" eb="19">
      <t>ホンスウ</t>
    </rPh>
    <phoneticPr fontId="1"/>
  </si>
  <si>
    <t>表169　甘味飲料摂取頻度と甘味飲料の1日の摂取回数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4" eb="18">
      <t>カンミインリョウ</t>
    </rPh>
    <rPh sb="22" eb="24">
      <t>セッシュ</t>
    </rPh>
    <rPh sb="24" eb="26">
      <t>カイスウ</t>
    </rPh>
    <phoneticPr fontId="1"/>
  </si>
  <si>
    <t>表170　甘味飲料摂取頻度と歯みがき頻度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4" eb="15">
      <t>ハ</t>
    </rPh>
    <rPh sb="18" eb="20">
      <t>ヒンド</t>
    </rPh>
    <phoneticPr fontId="1"/>
  </si>
  <si>
    <t>表171　甘味飲料摂取頻度と1日の歯みがき回数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7" eb="18">
      <t>ハ</t>
    </rPh>
    <rPh sb="21" eb="23">
      <t>カイスウ</t>
    </rPh>
    <phoneticPr fontId="1"/>
  </si>
  <si>
    <t>表172　甘味飲料摂取頻度と保護者の仕上げみがき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4" eb="17">
      <t>ホゴシャ</t>
    </rPh>
    <rPh sb="18" eb="20">
      <t>シア</t>
    </rPh>
    <phoneticPr fontId="1"/>
  </si>
  <si>
    <t>表173　甘味飲料摂取頻度と保護者負担感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4" eb="17">
      <t>ホゴシャ</t>
    </rPh>
    <rPh sb="17" eb="20">
      <t>フタンカン</t>
    </rPh>
    <phoneticPr fontId="1"/>
  </si>
  <si>
    <t>表174　甘味飲料摂取頻度とフッ素歯磨剤使用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6" eb="17">
      <t>ソ</t>
    </rPh>
    <rPh sb="17" eb="20">
      <t>シマザイ</t>
    </rPh>
    <rPh sb="20" eb="22">
      <t>シヨウ</t>
    </rPh>
    <rPh sb="22" eb="24">
      <t>ウム</t>
    </rPh>
    <phoneticPr fontId="1"/>
  </si>
  <si>
    <t>表175　甘味飲料摂取頻度とフッ化物塗布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6" eb="18">
      <t>カブツ</t>
    </rPh>
    <rPh sb="18" eb="20">
      <t>トフ</t>
    </rPh>
    <rPh sb="20" eb="22">
      <t>ウム</t>
    </rPh>
    <phoneticPr fontId="1"/>
  </si>
  <si>
    <t>表176　甘味飲料摂取頻度と歯科受診経験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4" eb="18">
      <t>シカジュシン</t>
    </rPh>
    <rPh sb="18" eb="20">
      <t>ケイケン</t>
    </rPh>
    <rPh sb="20" eb="22">
      <t>ウム</t>
    </rPh>
    <phoneticPr fontId="1"/>
  </si>
  <si>
    <t>表177　甘味飲料摂取頻度と受診内容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4" eb="16">
      <t>ジュシン</t>
    </rPh>
    <rPh sb="16" eb="18">
      <t>ナイヨウ</t>
    </rPh>
    <phoneticPr fontId="1"/>
  </si>
  <si>
    <t>表178　甘味飲料摂取頻度とかかりつけ歯科医院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9" eb="21">
      <t>シカ</t>
    </rPh>
    <rPh sb="21" eb="23">
      <t>イイン</t>
    </rPh>
    <rPh sb="23" eb="25">
      <t>ウム</t>
    </rPh>
    <phoneticPr fontId="1"/>
  </si>
  <si>
    <t>表179　甘味飲料摂取頻度と定期検診受診のすすめ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4" eb="16">
      <t>テイキ</t>
    </rPh>
    <rPh sb="16" eb="18">
      <t>ケンシン</t>
    </rPh>
    <rPh sb="18" eb="20">
      <t>ジュシン</t>
    </rPh>
    <phoneticPr fontId="1"/>
  </si>
  <si>
    <t>表180　甘味飲料摂取頻度と歯科恐怖・拒否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4" eb="16">
      <t>シカ</t>
    </rPh>
    <rPh sb="16" eb="18">
      <t>キョウフ</t>
    </rPh>
    <rPh sb="19" eb="21">
      <t>キョヒ</t>
    </rPh>
    <phoneticPr fontId="1"/>
  </si>
  <si>
    <t>表181　甘味飲料摂取頻度とむし歯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ヒンド</t>
    </rPh>
    <rPh sb="16" eb="19">
      <t>バウム</t>
    </rPh>
    <phoneticPr fontId="1"/>
  </si>
  <si>
    <t>表182　甘味飲料摂取頻度とむし歯本数</t>
    <rPh sb="0" eb="1">
      <t>ヒョウ</t>
    </rPh>
    <rPh sb="5" eb="7">
      <t>カンミ</t>
    </rPh>
    <rPh sb="7" eb="9">
      <t>インリョウ</t>
    </rPh>
    <rPh sb="9" eb="13">
      <t>セッシュヒンド</t>
    </rPh>
    <rPh sb="16" eb="17">
      <t>バ</t>
    </rPh>
    <rPh sb="17" eb="19">
      <t>ホンスウ</t>
    </rPh>
    <phoneticPr fontId="1"/>
  </si>
  <si>
    <t>表183　甘味飲料摂取回数と歯みがき頻度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4" eb="15">
      <t>ハ</t>
    </rPh>
    <rPh sb="18" eb="20">
      <t>ヒンド</t>
    </rPh>
    <phoneticPr fontId="1"/>
  </si>
  <si>
    <t>表184　甘味飲料摂取回数と1日の歯みがき回数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7" eb="18">
      <t>ハ</t>
    </rPh>
    <rPh sb="21" eb="23">
      <t>カイスウ</t>
    </rPh>
    <phoneticPr fontId="1"/>
  </si>
  <si>
    <t>表185　甘味飲料摂取回数と保護者の仕上げみがき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4" eb="17">
      <t>ホゴシャ</t>
    </rPh>
    <rPh sb="18" eb="20">
      <t>シア</t>
    </rPh>
    <phoneticPr fontId="1"/>
  </si>
  <si>
    <t>表186　甘味飲料摂取回数と保護者負担感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4" eb="17">
      <t>ホゴシャ</t>
    </rPh>
    <rPh sb="17" eb="20">
      <t>フタンカン</t>
    </rPh>
    <phoneticPr fontId="1"/>
  </si>
  <si>
    <t>表187　甘味飲料摂取回数とフッ素歯磨剤使用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6" eb="17">
      <t>ソ</t>
    </rPh>
    <rPh sb="17" eb="20">
      <t>シマザイ</t>
    </rPh>
    <rPh sb="20" eb="22">
      <t>シヨウ</t>
    </rPh>
    <rPh sb="22" eb="24">
      <t>ウム</t>
    </rPh>
    <phoneticPr fontId="1"/>
  </si>
  <si>
    <t>表188　甘味飲料摂取回数とフッ化物塗布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6" eb="18">
      <t>カブツ</t>
    </rPh>
    <rPh sb="18" eb="20">
      <t>トフ</t>
    </rPh>
    <rPh sb="20" eb="22">
      <t>ウム</t>
    </rPh>
    <phoneticPr fontId="1"/>
  </si>
  <si>
    <t>表189　甘味飲料摂取回数と歯科受診経験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4" eb="18">
      <t>シカジュシン</t>
    </rPh>
    <rPh sb="18" eb="20">
      <t>ケイケン</t>
    </rPh>
    <rPh sb="20" eb="22">
      <t>ウム</t>
    </rPh>
    <phoneticPr fontId="1"/>
  </si>
  <si>
    <t>表190　甘味飲料摂取回数と受診内容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4" eb="16">
      <t>ジュシン</t>
    </rPh>
    <rPh sb="16" eb="18">
      <t>ナイヨウ</t>
    </rPh>
    <phoneticPr fontId="1"/>
  </si>
  <si>
    <t>表191　甘味飲料摂取回数とかかりつけ歯科医院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9" eb="21">
      <t>シカ</t>
    </rPh>
    <rPh sb="21" eb="23">
      <t>イイン</t>
    </rPh>
    <rPh sb="23" eb="25">
      <t>ウム</t>
    </rPh>
    <phoneticPr fontId="1"/>
  </si>
  <si>
    <t>表192　甘味飲料摂取回数と定期検診受診のすすめ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4" eb="16">
      <t>テイキ</t>
    </rPh>
    <rPh sb="16" eb="18">
      <t>ケンシン</t>
    </rPh>
    <rPh sb="18" eb="20">
      <t>ジュシン</t>
    </rPh>
    <phoneticPr fontId="1"/>
  </si>
  <si>
    <t>表193　甘味飲料摂取回数と歯科恐怖・拒否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4" eb="16">
      <t>シカ</t>
    </rPh>
    <rPh sb="16" eb="18">
      <t>キョウフ</t>
    </rPh>
    <rPh sb="19" eb="21">
      <t>キョヒ</t>
    </rPh>
    <phoneticPr fontId="1"/>
  </si>
  <si>
    <t>表194　甘味飲料摂取回数とむし歯有無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6" eb="19">
      <t>バウム</t>
    </rPh>
    <phoneticPr fontId="1"/>
  </si>
  <si>
    <t>表195　甘味飲料摂取回数とむし歯本数</t>
    <rPh sb="0" eb="1">
      <t>ヒョウ</t>
    </rPh>
    <rPh sb="5" eb="7">
      <t>カンミ</t>
    </rPh>
    <rPh sb="7" eb="9">
      <t>インリョウ</t>
    </rPh>
    <rPh sb="9" eb="11">
      <t>セッシュ</t>
    </rPh>
    <rPh sb="11" eb="13">
      <t>カイスウ</t>
    </rPh>
    <rPh sb="16" eb="17">
      <t>バ</t>
    </rPh>
    <rPh sb="17" eb="19">
      <t>ホンスウ</t>
    </rPh>
    <phoneticPr fontId="1"/>
  </si>
  <si>
    <t>表196　歯みがき頻度と1日の歯みがき回数</t>
    <rPh sb="0" eb="1">
      <t>ヒョウ</t>
    </rPh>
    <rPh sb="5" eb="6">
      <t>ハ</t>
    </rPh>
    <rPh sb="9" eb="11">
      <t>ヒンド</t>
    </rPh>
    <rPh sb="15" eb="16">
      <t>ハ</t>
    </rPh>
    <rPh sb="19" eb="21">
      <t>カイスウ</t>
    </rPh>
    <phoneticPr fontId="1"/>
  </si>
  <si>
    <t>表197　歯みがき頻度と保護者の仕上げみがき</t>
    <rPh sb="0" eb="1">
      <t>ヒョウ</t>
    </rPh>
    <rPh sb="5" eb="6">
      <t>ハ</t>
    </rPh>
    <rPh sb="9" eb="11">
      <t>ヒンド</t>
    </rPh>
    <rPh sb="12" eb="14">
      <t>シア</t>
    </rPh>
    <phoneticPr fontId="1"/>
  </si>
  <si>
    <t>表198　歯みがき頻度と保護者負担感</t>
    <rPh sb="0" eb="1">
      <t>ヒョウ</t>
    </rPh>
    <rPh sb="5" eb="6">
      <t>ハ</t>
    </rPh>
    <rPh sb="9" eb="11">
      <t>ヒンド</t>
    </rPh>
    <rPh sb="12" eb="15">
      <t>ホゴシャ</t>
    </rPh>
    <rPh sb="15" eb="18">
      <t>フタンカン</t>
    </rPh>
    <phoneticPr fontId="1"/>
  </si>
  <si>
    <t>表199　歯みがき頻度とフッ素歯磨剤使用有無</t>
    <rPh sb="0" eb="1">
      <t>ヒョウ</t>
    </rPh>
    <rPh sb="5" eb="6">
      <t>ハ</t>
    </rPh>
    <rPh sb="9" eb="11">
      <t>ヒンド</t>
    </rPh>
    <rPh sb="14" eb="15">
      <t>ソ</t>
    </rPh>
    <rPh sb="15" eb="18">
      <t>シマザイ</t>
    </rPh>
    <rPh sb="18" eb="20">
      <t>シヨウ</t>
    </rPh>
    <rPh sb="20" eb="22">
      <t>ウム</t>
    </rPh>
    <phoneticPr fontId="1"/>
  </si>
  <si>
    <t>表200　歯みがき頻度とフッ化物塗布有無</t>
    <rPh sb="0" eb="1">
      <t>ヒョウ</t>
    </rPh>
    <rPh sb="5" eb="6">
      <t>ハ</t>
    </rPh>
    <rPh sb="9" eb="11">
      <t>ヒンド</t>
    </rPh>
    <rPh sb="14" eb="16">
      <t>カブツ</t>
    </rPh>
    <rPh sb="16" eb="18">
      <t>トフ</t>
    </rPh>
    <rPh sb="18" eb="20">
      <t>ウム</t>
    </rPh>
    <phoneticPr fontId="1"/>
  </si>
  <si>
    <t>表201　歯みがき頻度と歯科受診経験有無</t>
    <rPh sb="0" eb="1">
      <t>ヒョウ</t>
    </rPh>
    <rPh sb="5" eb="6">
      <t>ハ</t>
    </rPh>
    <rPh sb="9" eb="11">
      <t>ヒンド</t>
    </rPh>
    <rPh sb="12" eb="16">
      <t>シカジュシン</t>
    </rPh>
    <rPh sb="16" eb="18">
      <t>ケイケン</t>
    </rPh>
    <rPh sb="18" eb="20">
      <t>ウム</t>
    </rPh>
    <phoneticPr fontId="1"/>
  </si>
  <si>
    <t>表202　歯みがき頻度と受診内容</t>
    <rPh sb="0" eb="1">
      <t>ヒョウ</t>
    </rPh>
    <rPh sb="5" eb="6">
      <t>ハ</t>
    </rPh>
    <rPh sb="9" eb="11">
      <t>ヒンド</t>
    </rPh>
    <rPh sb="12" eb="14">
      <t/>
    </rPh>
    <phoneticPr fontId="1"/>
  </si>
  <si>
    <t>表203　歯みがき頻度とかかりつけ歯科医院有無</t>
    <rPh sb="0" eb="1">
      <t>ヒョウ</t>
    </rPh>
    <rPh sb="5" eb="6">
      <t>ハ</t>
    </rPh>
    <rPh sb="9" eb="11">
      <t>ヒンド</t>
    </rPh>
    <rPh sb="13" eb="15">
      <t>シカ</t>
    </rPh>
    <rPh sb="15" eb="17">
      <t>イイン</t>
    </rPh>
    <rPh sb="17" eb="19">
      <t>ウム</t>
    </rPh>
    <phoneticPr fontId="1"/>
  </si>
  <si>
    <t>表204　歯みがき頻度と定期検診受診のすすめ</t>
    <rPh sb="0" eb="1">
      <t>ヒョウ</t>
    </rPh>
    <rPh sb="5" eb="6">
      <t>ハ</t>
    </rPh>
    <rPh sb="9" eb="11">
      <t>ヒンド</t>
    </rPh>
    <rPh sb="12" eb="14">
      <t>ジュシン</t>
    </rPh>
    <phoneticPr fontId="1"/>
  </si>
  <si>
    <t>表205　歯みがき頻度と歯科恐怖・拒否</t>
    <rPh sb="0" eb="1">
      <t>ヒョウ</t>
    </rPh>
    <rPh sb="5" eb="6">
      <t>ハ</t>
    </rPh>
    <rPh sb="9" eb="11">
      <t>ヒンド</t>
    </rPh>
    <rPh sb="12" eb="14">
      <t>シカ</t>
    </rPh>
    <rPh sb="14" eb="16">
      <t>キョウフ</t>
    </rPh>
    <rPh sb="17" eb="19">
      <t>キョヒ</t>
    </rPh>
    <phoneticPr fontId="1"/>
  </si>
  <si>
    <t>表206　歯みがき頻度とむし歯有無</t>
    <rPh sb="0" eb="1">
      <t>ヒョウ</t>
    </rPh>
    <rPh sb="14" eb="17">
      <t>バウム</t>
    </rPh>
    <phoneticPr fontId="1"/>
  </si>
  <si>
    <t>表207　歯みがき頻度とむし歯本数</t>
    <rPh sb="0" eb="1">
      <t>ヒョウ</t>
    </rPh>
    <rPh sb="5" eb="6">
      <t>ハ</t>
    </rPh>
    <rPh sb="9" eb="11">
      <t>ヒンド</t>
    </rPh>
    <rPh sb="14" eb="15">
      <t>バ</t>
    </rPh>
    <rPh sb="15" eb="17">
      <t>ホンスウ</t>
    </rPh>
    <phoneticPr fontId="1"/>
  </si>
  <si>
    <t>表208　歯みがき回数と保護者の仕上げみがき</t>
    <rPh sb="0" eb="1">
      <t>ヒョウ</t>
    </rPh>
    <rPh sb="5" eb="6">
      <t>ハ</t>
    </rPh>
    <rPh sb="9" eb="11">
      <t>カイスウ</t>
    </rPh>
    <rPh sb="12" eb="15">
      <t>ホゴシャ</t>
    </rPh>
    <rPh sb="16" eb="18">
      <t>シア</t>
    </rPh>
    <phoneticPr fontId="1"/>
  </si>
  <si>
    <t>表209　歯みがき回数と保護者負担感</t>
    <rPh sb="0" eb="1">
      <t>ヒョウ</t>
    </rPh>
    <rPh sb="12" eb="15">
      <t>ホゴシャ</t>
    </rPh>
    <rPh sb="15" eb="18">
      <t>フタンカン</t>
    </rPh>
    <phoneticPr fontId="1"/>
  </si>
  <si>
    <t>表210　歯みがき回数とフッ素歯磨剤使用有無</t>
    <rPh sb="0" eb="1">
      <t>ヒョウ</t>
    </rPh>
    <rPh sb="14" eb="15">
      <t>ソ</t>
    </rPh>
    <rPh sb="15" eb="18">
      <t>シマザイ</t>
    </rPh>
    <rPh sb="18" eb="20">
      <t>シヨウ</t>
    </rPh>
    <rPh sb="20" eb="22">
      <t>ウム</t>
    </rPh>
    <phoneticPr fontId="1"/>
  </si>
  <si>
    <t>表211　歯みがき回数とフッ化物塗布有無</t>
    <rPh sb="0" eb="1">
      <t>ヒョウ</t>
    </rPh>
    <rPh sb="14" eb="16">
      <t>カブツ</t>
    </rPh>
    <rPh sb="16" eb="18">
      <t>トフ</t>
    </rPh>
    <rPh sb="18" eb="20">
      <t>ウム</t>
    </rPh>
    <phoneticPr fontId="1"/>
  </si>
  <si>
    <t>表212　歯みがき回数と歯科受診経験有無</t>
    <rPh sb="0" eb="1">
      <t>ヒョウ</t>
    </rPh>
    <rPh sb="12" eb="16">
      <t>シカジュシン</t>
    </rPh>
    <rPh sb="16" eb="18">
      <t>ケイケン</t>
    </rPh>
    <rPh sb="18" eb="20">
      <t>ウム</t>
    </rPh>
    <phoneticPr fontId="1"/>
  </si>
  <si>
    <t>表213　歯みがき回数と受診内容</t>
    <rPh sb="0" eb="1">
      <t>ヒョウ</t>
    </rPh>
    <rPh sb="12" eb="14">
      <t>ジュシン</t>
    </rPh>
    <rPh sb="14" eb="16">
      <t>ナイヨウ</t>
    </rPh>
    <phoneticPr fontId="1"/>
  </si>
  <si>
    <t>表214　歯みがき回数とかかりつけ歯科医院有無</t>
    <rPh sb="0" eb="1">
      <t>ヒョウ</t>
    </rPh>
    <rPh sb="11" eb="13">
      <t>インリョウ</t>
    </rPh>
    <rPh sb="13" eb="15">
      <t>セッシュ</t>
    </rPh>
    <rPh sb="15" eb="17">
      <t>カイスウシカイインウム</t>
    </rPh>
    <phoneticPr fontId="1"/>
  </si>
  <si>
    <t>表215　歯みがき回数と定期検診受診のすすめ</t>
    <rPh sb="0" eb="1">
      <t>ヒョウ</t>
    </rPh>
    <rPh sb="12" eb="14">
      <t>テイキ</t>
    </rPh>
    <rPh sb="14" eb="16">
      <t>ケンシン</t>
    </rPh>
    <rPh sb="16" eb="18">
      <t>ジュシン</t>
    </rPh>
    <phoneticPr fontId="1"/>
  </si>
  <si>
    <t>表216　歯みがき回数と歯科恐怖・拒否</t>
    <rPh sb="0" eb="1">
      <t>ヒョウ</t>
    </rPh>
    <rPh sb="11" eb="13">
      <t>インリョウ</t>
    </rPh>
    <rPh sb="13" eb="15">
      <t>セッシュ</t>
    </rPh>
    <rPh sb="15" eb="17">
      <t>カイスウシカキョウフキョヒ</t>
    </rPh>
    <phoneticPr fontId="1"/>
  </si>
  <si>
    <t>表217　歯みがき回数とむし歯有無</t>
    <rPh sb="0" eb="1">
      <t>ヒョウ</t>
    </rPh>
    <rPh sb="14" eb="17">
      <t>バウム</t>
    </rPh>
    <phoneticPr fontId="1"/>
  </si>
  <si>
    <t>表218　歯みがき回数とむし歯本数</t>
    <rPh sb="0" eb="1">
      <t>ヒョウ</t>
    </rPh>
    <rPh sb="14" eb="15">
      <t>バ</t>
    </rPh>
    <rPh sb="15" eb="17">
      <t>ホンスウ</t>
    </rPh>
    <phoneticPr fontId="1"/>
  </si>
  <si>
    <t>表219　保護者の仕上げみがきと保護者負担感</t>
    <rPh sb="0" eb="1">
      <t>ヒョウ</t>
    </rPh>
    <rPh sb="5" eb="8">
      <t>ホゴシャ</t>
    </rPh>
    <rPh sb="9" eb="11">
      <t>シア</t>
    </rPh>
    <rPh sb="16" eb="19">
      <t>ホゴシャ</t>
    </rPh>
    <rPh sb="19" eb="22">
      <t>フタンカン</t>
    </rPh>
    <phoneticPr fontId="1"/>
  </si>
  <si>
    <t>表220　保護者の仕上げみがきとフッ素歯磨剤使用有無</t>
    <rPh sb="0" eb="1">
      <t>ヒョウ</t>
    </rPh>
    <rPh sb="18" eb="19">
      <t>ソ</t>
    </rPh>
    <rPh sb="19" eb="22">
      <t>シマザイ</t>
    </rPh>
    <rPh sb="22" eb="24">
      <t>シヨウ</t>
    </rPh>
    <rPh sb="24" eb="26">
      <t>ウム</t>
    </rPh>
    <phoneticPr fontId="1"/>
  </si>
  <si>
    <t>表221　保護者の仕上げみがきとフッ化物塗布有無</t>
    <rPh sb="0" eb="1">
      <t>ヒョウ</t>
    </rPh>
    <rPh sb="5" eb="8">
      <t>ホゴシャ</t>
    </rPh>
    <rPh sb="9" eb="11">
      <t>シア</t>
    </rPh>
    <rPh sb="18" eb="20">
      <t>カブツ</t>
    </rPh>
    <rPh sb="20" eb="22">
      <t>トフ</t>
    </rPh>
    <rPh sb="22" eb="24">
      <t>ウム</t>
    </rPh>
    <phoneticPr fontId="1"/>
  </si>
  <si>
    <t>表222　保護者の仕上げみがきと歯科受診経験有無</t>
    <rPh sb="0" eb="1">
      <t>ヒョウ</t>
    </rPh>
    <rPh sb="5" eb="8">
      <t>ホゴシャ</t>
    </rPh>
    <rPh sb="9" eb="11">
      <t>シア</t>
    </rPh>
    <rPh sb="16" eb="20">
      <t>シカジュシン</t>
    </rPh>
    <rPh sb="20" eb="22">
      <t>ケイケン</t>
    </rPh>
    <rPh sb="22" eb="24">
      <t>ウム</t>
    </rPh>
    <phoneticPr fontId="1"/>
  </si>
  <si>
    <t>表223　保護者の仕上げみがきと受診内容</t>
    <rPh sb="0" eb="1">
      <t>ヒョウ</t>
    </rPh>
    <rPh sb="5" eb="8">
      <t>ホゴシャ</t>
    </rPh>
    <rPh sb="9" eb="11">
      <t>シア</t>
    </rPh>
    <rPh sb="16" eb="18">
      <t>ジュシン</t>
    </rPh>
    <rPh sb="18" eb="20">
      <t>ナイヨウ</t>
    </rPh>
    <phoneticPr fontId="1"/>
  </si>
  <si>
    <t>表224　保護者の仕上げみがきとかかりつけ歯科医院有無</t>
    <rPh sb="0" eb="1">
      <t>ヒョウ</t>
    </rPh>
    <rPh sb="5" eb="8">
      <t>ホゴシャ</t>
    </rPh>
    <rPh sb="9" eb="11">
      <t>シア</t>
    </rPh>
    <rPh sb="21" eb="23">
      <t>シカ</t>
    </rPh>
    <rPh sb="23" eb="25">
      <t>イイン</t>
    </rPh>
    <rPh sb="25" eb="27">
      <t>ウム</t>
    </rPh>
    <phoneticPr fontId="1"/>
  </si>
  <si>
    <t>表225　保護者の仕上げみがきと定期検診受診のすすめ</t>
    <rPh sb="0" eb="1">
      <t>ヒョウ</t>
    </rPh>
    <rPh sb="5" eb="8">
      <t>ホゴシャ</t>
    </rPh>
    <rPh sb="9" eb="11">
      <t>シア</t>
    </rPh>
    <rPh sb="16" eb="18">
      <t>テイキ</t>
    </rPh>
    <rPh sb="18" eb="20">
      <t>テイキ</t>
    </rPh>
    <rPh sb="20" eb="22">
      <t>ケンシン</t>
    </rPh>
    <rPh sb="22" eb="24">
      <t>ジュシン</t>
    </rPh>
    <phoneticPr fontId="1"/>
  </si>
  <si>
    <t>表226　保護者の仕上げみがきと歯科恐怖・拒否</t>
    <rPh sb="0" eb="1">
      <t>ヒョウ</t>
    </rPh>
    <rPh sb="5" eb="8">
      <t>ホゴシャ</t>
    </rPh>
    <rPh sb="9" eb="11">
      <t>シア</t>
    </rPh>
    <rPh sb="16" eb="18">
      <t>シカ</t>
    </rPh>
    <rPh sb="18" eb="20">
      <t>キョウフ</t>
    </rPh>
    <rPh sb="21" eb="23">
      <t>キョヒ</t>
    </rPh>
    <phoneticPr fontId="1"/>
  </si>
  <si>
    <t>表227　保護者の仕上げみがきとむし歯有無</t>
    <rPh sb="0" eb="1">
      <t>ヒョウ</t>
    </rPh>
    <rPh sb="5" eb="8">
      <t>ホゴシャ</t>
    </rPh>
    <rPh sb="9" eb="11">
      <t>シア</t>
    </rPh>
    <rPh sb="18" eb="21">
      <t>バウム</t>
    </rPh>
    <phoneticPr fontId="1"/>
  </si>
  <si>
    <t>表228　保護者の仕上げみがきとむし歯本数</t>
    <rPh sb="0" eb="1">
      <t>ヒョウ</t>
    </rPh>
    <rPh sb="5" eb="8">
      <t>ホゴシャ</t>
    </rPh>
    <rPh sb="9" eb="11">
      <t>シア</t>
    </rPh>
    <rPh sb="18" eb="19">
      <t>バ</t>
    </rPh>
    <rPh sb="19" eb="21">
      <t>ホンスウ</t>
    </rPh>
    <phoneticPr fontId="1"/>
  </si>
  <si>
    <t>表229　保護者負担感とフッ素歯磨剤使用有無</t>
    <rPh sb="0" eb="1">
      <t>ヒョウ</t>
    </rPh>
    <rPh sb="5" eb="8">
      <t>ホゴシャ</t>
    </rPh>
    <rPh sb="8" eb="11">
      <t>フタンカン</t>
    </rPh>
    <rPh sb="14" eb="15">
      <t>ソ</t>
    </rPh>
    <rPh sb="15" eb="18">
      <t>シマザイ</t>
    </rPh>
    <rPh sb="18" eb="20">
      <t>シヨウ</t>
    </rPh>
    <rPh sb="20" eb="22">
      <t>ウム</t>
    </rPh>
    <phoneticPr fontId="1"/>
  </si>
  <si>
    <t>表230　保護者負担感とフッ化物塗布有無</t>
    <rPh sb="0" eb="1">
      <t>ヒョウ</t>
    </rPh>
    <rPh sb="5" eb="8">
      <t>ホゴシャ</t>
    </rPh>
    <rPh sb="8" eb="11">
      <t>フタンカン</t>
    </rPh>
    <rPh sb="14" eb="16">
      <t>カブツ</t>
    </rPh>
    <rPh sb="16" eb="18">
      <t>トフ</t>
    </rPh>
    <rPh sb="18" eb="20">
      <t>ウム</t>
    </rPh>
    <phoneticPr fontId="1"/>
  </si>
  <si>
    <t>表231　保護者負担感と歯科受診経験有無</t>
    <rPh sb="0" eb="1">
      <t>ヒョウ</t>
    </rPh>
    <rPh sb="5" eb="8">
      <t>ホゴシャ</t>
    </rPh>
    <rPh sb="8" eb="11">
      <t>フタンカン</t>
    </rPh>
    <rPh sb="12" eb="16">
      <t>シカジュシン</t>
    </rPh>
    <rPh sb="16" eb="18">
      <t>ケイケン</t>
    </rPh>
    <rPh sb="18" eb="20">
      <t>ウム</t>
    </rPh>
    <phoneticPr fontId="1"/>
  </si>
  <si>
    <t>表232　保護者負担感と受診内容</t>
    <rPh sb="0" eb="1">
      <t>ヒョウ</t>
    </rPh>
    <rPh sb="5" eb="8">
      <t>ホゴシャ</t>
    </rPh>
    <rPh sb="8" eb="11">
      <t>フタンカン</t>
    </rPh>
    <rPh sb="12" eb="14">
      <t>ジュシン</t>
    </rPh>
    <rPh sb="14" eb="16">
      <t>ナイヨウ</t>
    </rPh>
    <phoneticPr fontId="1"/>
  </si>
  <si>
    <t>表233　保護者負担感とかかりつけ歯科医院有無</t>
    <rPh sb="0" eb="1">
      <t>ヒョウ</t>
    </rPh>
    <rPh sb="5" eb="8">
      <t>ホゴシャ</t>
    </rPh>
    <rPh sb="8" eb="11">
      <t>フタンカン</t>
    </rPh>
    <rPh sb="17" eb="19">
      <t>シカ</t>
    </rPh>
    <rPh sb="19" eb="21">
      <t>イイン</t>
    </rPh>
    <rPh sb="21" eb="23">
      <t>ウム</t>
    </rPh>
    <phoneticPr fontId="1"/>
  </si>
  <si>
    <t>表234　保護者負担感と定期検診受診のすすめ</t>
    <rPh sb="0" eb="1">
      <t>ヒョウ</t>
    </rPh>
    <rPh sb="5" eb="8">
      <t>ホゴシャ</t>
    </rPh>
    <rPh sb="8" eb="11">
      <t>フタンカン</t>
    </rPh>
    <rPh sb="12" eb="14">
      <t>テイキ</t>
    </rPh>
    <rPh sb="14" eb="16">
      <t>ケンシン</t>
    </rPh>
    <rPh sb="16" eb="18">
      <t>ジュシン</t>
    </rPh>
    <phoneticPr fontId="1"/>
  </si>
  <si>
    <t>表235　保護者負担感と歯科恐怖・拒否</t>
    <rPh sb="0" eb="1">
      <t>ヒョウ</t>
    </rPh>
    <rPh sb="5" eb="8">
      <t>ホゴシャ</t>
    </rPh>
    <rPh sb="8" eb="11">
      <t>フタンカン</t>
    </rPh>
    <rPh sb="12" eb="14">
      <t>シカ</t>
    </rPh>
    <rPh sb="14" eb="16">
      <t>キョウフ</t>
    </rPh>
    <rPh sb="17" eb="19">
      <t>キョヒ</t>
    </rPh>
    <phoneticPr fontId="1"/>
  </si>
  <si>
    <t>表236　保護者負担感とむし歯有無</t>
    <rPh sb="0" eb="1">
      <t>ヒョウ</t>
    </rPh>
    <rPh sb="5" eb="8">
      <t>ホゴシャ</t>
    </rPh>
    <rPh sb="8" eb="11">
      <t>フタンカン</t>
    </rPh>
    <rPh sb="14" eb="17">
      <t>バウム</t>
    </rPh>
    <phoneticPr fontId="1"/>
  </si>
  <si>
    <t>表237　保護者負担感とむし歯本数</t>
    <rPh sb="0" eb="1">
      <t>ヒョウ</t>
    </rPh>
    <rPh sb="5" eb="8">
      <t>ホゴシャ</t>
    </rPh>
    <rPh sb="8" eb="11">
      <t>フタンカン</t>
    </rPh>
    <rPh sb="14" eb="15">
      <t>バ</t>
    </rPh>
    <rPh sb="15" eb="17">
      <t>ホンスウ</t>
    </rPh>
    <phoneticPr fontId="1"/>
  </si>
  <si>
    <t>表238　フッ素歯磨剤使用有無とフッ化物塗布有無</t>
    <rPh sb="0" eb="1">
      <t>ヒョウ</t>
    </rPh>
    <rPh sb="7" eb="8">
      <t>ソ</t>
    </rPh>
    <rPh sb="8" eb="11">
      <t>シマザイ</t>
    </rPh>
    <rPh sb="11" eb="13">
      <t>シヨウ</t>
    </rPh>
    <rPh sb="13" eb="15">
      <t>ウム</t>
    </rPh>
    <rPh sb="18" eb="20">
      <t>カブツ</t>
    </rPh>
    <rPh sb="20" eb="22">
      <t>トフ</t>
    </rPh>
    <rPh sb="22" eb="24">
      <t>ウム</t>
    </rPh>
    <phoneticPr fontId="1"/>
  </si>
  <si>
    <t>表239　フッ素歯磨剤使用有無と歯科受診経験有無</t>
    <rPh sb="0" eb="1">
      <t>ヒョウ</t>
    </rPh>
    <rPh sb="7" eb="8">
      <t>ソ</t>
    </rPh>
    <rPh sb="8" eb="11">
      <t>シマザイ</t>
    </rPh>
    <rPh sb="11" eb="13">
      <t>シヨウ</t>
    </rPh>
    <rPh sb="13" eb="15">
      <t>ウム</t>
    </rPh>
    <rPh sb="16" eb="18">
      <t>シカ</t>
    </rPh>
    <rPh sb="18" eb="20">
      <t>ジュシン</t>
    </rPh>
    <rPh sb="20" eb="24">
      <t>シカジュシンケイケンウム</t>
    </rPh>
    <phoneticPr fontId="1"/>
  </si>
  <si>
    <t>表240　フッ素歯磨剤使用有無と受診内容</t>
    <rPh sb="0" eb="1">
      <t>ヒョウ</t>
    </rPh>
    <rPh sb="7" eb="8">
      <t>ソ</t>
    </rPh>
    <rPh sb="8" eb="11">
      <t>シマザイ</t>
    </rPh>
    <rPh sb="11" eb="13">
      <t>シヨウ</t>
    </rPh>
    <rPh sb="13" eb="15">
      <t>ウム</t>
    </rPh>
    <rPh sb="16" eb="18">
      <t/>
    </rPh>
    <phoneticPr fontId="1"/>
  </si>
  <si>
    <t>表241　フッ素歯磨剤使用有無とかかりつけ歯科医院有無</t>
    <rPh sb="0" eb="1">
      <t>ヒョウ</t>
    </rPh>
    <rPh sb="7" eb="8">
      <t>ソ</t>
    </rPh>
    <rPh sb="8" eb="11">
      <t>シマザイ</t>
    </rPh>
    <rPh sb="11" eb="13">
      <t>シヨウ</t>
    </rPh>
    <rPh sb="13" eb="15">
      <t>ウム</t>
    </rPh>
    <rPh sb="17" eb="19">
      <t>シカ</t>
    </rPh>
    <rPh sb="19" eb="21">
      <t>イイン</t>
    </rPh>
    <rPh sb="21" eb="23">
      <t>ウム</t>
    </rPh>
    <phoneticPr fontId="1"/>
  </si>
  <si>
    <t>表242　フッ素歯磨剤使用有無と定期検診受診のすすめ</t>
    <rPh sb="0" eb="1">
      <t>ヒョウ</t>
    </rPh>
    <rPh sb="7" eb="8">
      <t>ソ</t>
    </rPh>
    <rPh sb="8" eb="11">
      <t>シマザイ</t>
    </rPh>
    <rPh sb="11" eb="13">
      <t>シヨウ</t>
    </rPh>
    <rPh sb="13" eb="15">
      <t>ウム</t>
    </rPh>
    <rPh sb="16" eb="18">
      <t>テイキ</t>
    </rPh>
    <rPh sb="18" eb="20">
      <t>ケンシン</t>
    </rPh>
    <rPh sb="20" eb="22">
      <t>ジュシン</t>
    </rPh>
    <phoneticPr fontId="1"/>
  </si>
  <si>
    <t>表243　フッ素歯磨剤使用有無と歯科恐怖・拒否</t>
    <rPh sb="0" eb="1">
      <t>ヒョウ</t>
    </rPh>
    <rPh sb="7" eb="8">
      <t>ソ</t>
    </rPh>
    <rPh sb="8" eb="11">
      <t>シマザイ</t>
    </rPh>
    <rPh sb="11" eb="13">
      <t>シヨウ</t>
    </rPh>
    <rPh sb="13" eb="15">
      <t>ウム</t>
    </rPh>
    <rPh sb="16" eb="18">
      <t>シカ</t>
    </rPh>
    <rPh sb="18" eb="20">
      <t>キョウフ</t>
    </rPh>
    <rPh sb="21" eb="23">
      <t>キョヒ</t>
    </rPh>
    <phoneticPr fontId="1"/>
  </si>
  <si>
    <t>表244　フッ素歯磨剤使用有無とむし歯有無</t>
    <rPh sb="0" eb="1">
      <t>ヒョウ</t>
    </rPh>
    <rPh sb="18" eb="21">
      <t>バウム</t>
    </rPh>
    <phoneticPr fontId="1"/>
  </si>
  <si>
    <t>表245　フッ素歯磨剤使用有無とむし歯本数</t>
    <rPh sb="0" eb="1">
      <t>ヒョウ</t>
    </rPh>
    <rPh sb="7" eb="8">
      <t>ソ</t>
    </rPh>
    <rPh sb="8" eb="11">
      <t>シマザイ</t>
    </rPh>
    <rPh sb="11" eb="13">
      <t>シヨウ</t>
    </rPh>
    <rPh sb="13" eb="15">
      <t>ウム</t>
    </rPh>
    <rPh sb="18" eb="19">
      <t>バ</t>
    </rPh>
    <rPh sb="19" eb="21">
      <t>ホンスウ</t>
    </rPh>
    <phoneticPr fontId="1"/>
  </si>
  <si>
    <t>表246　フッ化物歯面塗布と歯科受診経験有無</t>
    <rPh sb="0" eb="1">
      <t>ヒョウ</t>
    </rPh>
    <rPh sb="7" eb="9">
      <t>カブツ</t>
    </rPh>
    <rPh sb="9" eb="13">
      <t>シメントフ</t>
    </rPh>
    <rPh sb="14" eb="18">
      <t>シカジュシン</t>
    </rPh>
    <rPh sb="18" eb="20">
      <t>ケイケン</t>
    </rPh>
    <rPh sb="20" eb="22">
      <t>ウム</t>
    </rPh>
    <phoneticPr fontId="1"/>
  </si>
  <si>
    <t>表247　フッ化物歯面塗布と受診内容</t>
    <rPh sb="0" eb="1">
      <t>ヒョウ</t>
    </rPh>
    <rPh sb="7" eb="8">
      <t>カ</t>
    </rPh>
    <rPh sb="8" eb="9">
      <t>ブツ</t>
    </rPh>
    <rPh sb="9" eb="11">
      <t>シメン</t>
    </rPh>
    <rPh sb="11" eb="13">
      <t>トフ</t>
    </rPh>
    <rPh sb="14" eb="16">
      <t/>
    </rPh>
    <phoneticPr fontId="1"/>
  </si>
  <si>
    <t>表248　フッ化物歯面塗布とかかりつけ歯科医院有無</t>
    <rPh sb="0" eb="1">
      <t>ヒョウ</t>
    </rPh>
    <rPh sb="4" eb="5">
      <t>ハ</t>
    </rPh>
    <rPh sb="16" eb="18">
      <t>シカ</t>
    </rPh>
    <rPh sb="18" eb="20">
      <t>イイン</t>
    </rPh>
    <rPh sb="20" eb="22">
      <t>ウム</t>
    </rPh>
    <phoneticPr fontId="1"/>
  </si>
  <si>
    <t>表249　フッ化物歯面塗布と定期検診受診のすすめ</t>
    <rPh sb="0" eb="1">
      <t>ヒョウ</t>
    </rPh>
    <rPh sb="7" eb="8">
      <t>カ</t>
    </rPh>
    <rPh sb="8" eb="9">
      <t>ブツ</t>
    </rPh>
    <rPh sb="9" eb="11">
      <t>シメン</t>
    </rPh>
    <rPh sb="11" eb="13">
      <t>トフ</t>
    </rPh>
    <rPh sb="14" eb="16">
      <t>テイキ</t>
    </rPh>
    <rPh sb="16" eb="18">
      <t>ジュシン</t>
    </rPh>
    <phoneticPr fontId="1"/>
  </si>
  <si>
    <t>表250　フッ化物歯面塗布と歯科恐怖・拒否</t>
    <rPh sb="0" eb="1">
      <t>ヒョウ</t>
    </rPh>
    <rPh sb="7" eb="8">
      <t>カ</t>
    </rPh>
    <rPh sb="8" eb="9">
      <t>ブツ</t>
    </rPh>
    <rPh sb="9" eb="11">
      <t>シメン</t>
    </rPh>
    <rPh sb="11" eb="13">
      <t>トフ</t>
    </rPh>
    <rPh sb="14" eb="16">
      <t>シカ</t>
    </rPh>
    <rPh sb="16" eb="18">
      <t>キョウフ</t>
    </rPh>
    <rPh sb="19" eb="21">
      <t>キョヒ</t>
    </rPh>
    <phoneticPr fontId="1"/>
  </si>
  <si>
    <t>表251　フッ化物歯面塗布とむし歯有無</t>
    <rPh sb="0" eb="1">
      <t>ヒョウ</t>
    </rPh>
    <rPh sb="16" eb="19">
      <t>バウム</t>
    </rPh>
    <phoneticPr fontId="1"/>
  </si>
  <si>
    <t>表252　フッ化物歯面塗布とむし歯本数</t>
    <rPh sb="0" eb="1">
      <t>ヒョウ</t>
    </rPh>
    <rPh sb="7" eb="8">
      <t>カ</t>
    </rPh>
    <rPh sb="8" eb="9">
      <t>ブツ</t>
    </rPh>
    <rPh sb="9" eb="11">
      <t>シメン</t>
    </rPh>
    <rPh sb="11" eb="13">
      <t>トフ</t>
    </rPh>
    <rPh sb="16" eb="17">
      <t>バ</t>
    </rPh>
    <rPh sb="17" eb="19">
      <t>ホンスウ</t>
    </rPh>
    <phoneticPr fontId="1"/>
  </si>
  <si>
    <t>表253　歯科受診経験有無と受診内容</t>
    <rPh sb="0" eb="1">
      <t>ヒョウ</t>
    </rPh>
    <rPh sb="5" eb="9">
      <t>シカジュシン</t>
    </rPh>
    <rPh sb="9" eb="11">
      <t>ケイケン</t>
    </rPh>
    <rPh sb="11" eb="13">
      <t>ウム</t>
    </rPh>
    <rPh sb="14" eb="16">
      <t>ジュシン</t>
    </rPh>
    <rPh sb="16" eb="18">
      <t>ナイヨウ</t>
    </rPh>
    <phoneticPr fontId="1"/>
  </si>
  <si>
    <t>表254　歯科受診経験有無とかかりつけ歯科医院有無</t>
    <rPh sb="0" eb="1">
      <t>ヒョウ</t>
    </rPh>
    <rPh sb="5" eb="7">
      <t>シカ</t>
    </rPh>
    <rPh sb="7" eb="9">
      <t>ジュシン</t>
    </rPh>
    <rPh sb="9" eb="11">
      <t>ケイケン</t>
    </rPh>
    <rPh sb="11" eb="13">
      <t>ウム</t>
    </rPh>
    <rPh sb="19" eb="21">
      <t>シカ</t>
    </rPh>
    <rPh sb="21" eb="23">
      <t>イイン</t>
    </rPh>
    <rPh sb="23" eb="25">
      <t>ウム</t>
    </rPh>
    <phoneticPr fontId="1"/>
  </si>
  <si>
    <t>表255　歯科受診経験有無と定期検診受診のすすめ</t>
    <rPh sb="0" eb="1">
      <t>ヒョウ</t>
    </rPh>
    <rPh sb="5" eb="7">
      <t>シカ</t>
    </rPh>
    <rPh sb="7" eb="9">
      <t>ジュシン</t>
    </rPh>
    <rPh sb="9" eb="11">
      <t>ケイケン</t>
    </rPh>
    <rPh sb="11" eb="13">
      <t>ウム</t>
    </rPh>
    <rPh sb="14" eb="16">
      <t>テイキ</t>
    </rPh>
    <rPh sb="16" eb="18">
      <t>ケンシン</t>
    </rPh>
    <rPh sb="18" eb="20">
      <t>ジュシン</t>
    </rPh>
    <phoneticPr fontId="1"/>
  </si>
  <si>
    <t>表256　歯科受診経験有無と歯科恐怖・拒否</t>
    <rPh sb="0" eb="1">
      <t>ヒョウ</t>
    </rPh>
    <rPh sb="5" eb="7">
      <t>シカ</t>
    </rPh>
    <rPh sb="7" eb="9">
      <t>ジュシン</t>
    </rPh>
    <rPh sb="9" eb="11">
      <t>ケイケン</t>
    </rPh>
    <rPh sb="11" eb="13">
      <t>ウム</t>
    </rPh>
    <rPh sb="14" eb="16">
      <t>シカ</t>
    </rPh>
    <rPh sb="16" eb="18">
      <t>キョウフ</t>
    </rPh>
    <rPh sb="19" eb="21">
      <t>キョヒ</t>
    </rPh>
    <phoneticPr fontId="1"/>
  </si>
  <si>
    <t>表257　歯科受診経験有無とむし歯有無</t>
    <rPh sb="0" eb="1">
      <t>ヒョウ</t>
    </rPh>
    <rPh sb="5" eb="7">
      <t>シカ</t>
    </rPh>
    <rPh sb="7" eb="9">
      <t>ジュシン</t>
    </rPh>
    <rPh sb="9" eb="11">
      <t>ケイケン</t>
    </rPh>
    <rPh sb="11" eb="13">
      <t>ウム</t>
    </rPh>
    <rPh sb="16" eb="19">
      <t>バウム</t>
    </rPh>
    <phoneticPr fontId="1"/>
  </si>
  <si>
    <t>表258　歯科受診経験有無とむし歯本数</t>
    <rPh sb="0" eb="1">
      <t>ヒョウ</t>
    </rPh>
    <rPh sb="5" eb="7">
      <t>シカ</t>
    </rPh>
    <rPh sb="7" eb="9">
      <t>ジュシン</t>
    </rPh>
    <rPh sb="9" eb="11">
      <t>ケイケン</t>
    </rPh>
    <rPh sb="11" eb="13">
      <t>ウム</t>
    </rPh>
    <rPh sb="16" eb="17">
      <t>バ</t>
    </rPh>
    <rPh sb="17" eb="19">
      <t>ホンスウ</t>
    </rPh>
    <phoneticPr fontId="1"/>
  </si>
  <si>
    <t>表259　かかりつけ歯科有無と定期検診受診のすすめ</t>
    <rPh sb="0" eb="1">
      <t>ヒョウ</t>
    </rPh>
    <rPh sb="10" eb="12">
      <t>シカ</t>
    </rPh>
    <rPh sb="12" eb="14">
      <t>ウム</t>
    </rPh>
    <rPh sb="15" eb="17">
      <t>テイキ</t>
    </rPh>
    <rPh sb="17" eb="19">
      <t>テイキ</t>
    </rPh>
    <rPh sb="19" eb="21">
      <t>ケンシン</t>
    </rPh>
    <rPh sb="21" eb="23">
      <t>ジュシン</t>
    </rPh>
    <phoneticPr fontId="1"/>
  </si>
  <si>
    <t>表273　むし歯有無とむし歯本数</t>
    <rPh sb="0" eb="1">
      <t>ヒョウ</t>
    </rPh>
    <rPh sb="7" eb="10">
      <t>バウム</t>
    </rPh>
    <rPh sb="13" eb="14">
      <t>バ</t>
    </rPh>
    <rPh sb="14" eb="16">
      <t>ホンスウ</t>
    </rPh>
    <phoneticPr fontId="1"/>
  </si>
  <si>
    <t>表272　歯科恐怖・拒否とむし歯本数</t>
    <rPh sb="0" eb="1">
      <t>ヒョウ</t>
    </rPh>
    <rPh sb="5" eb="9">
      <t>シカキョウフ</t>
    </rPh>
    <rPh sb="10" eb="12">
      <t>キョヒ</t>
    </rPh>
    <rPh sb="15" eb="16">
      <t>バ</t>
    </rPh>
    <rPh sb="16" eb="18">
      <t>ホンスウ</t>
    </rPh>
    <phoneticPr fontId="1"/>
  </si>
  <si>
    <t>表271　歯科恐怖・拒否とむし歯有無</t>
    <rPh sb="0" eb="1">
      <t>ヒョウ</t>
    </rPh>
    <rPh sb="5" eb="9">
      <t>シカキョウフ</t>
    </rPh>
    <rPh sb="10" eb="12">
      <t>キョヒ</t>
    </rPh>
    <rPh sb="15" eb="18">
      <t>バウム</t>
    </rPh>
    <phoneticPr fontId="1"/>
  </si>
  <si>
    <t>表265　かかりつけ歯科有無と歯科恐怖・拒否</t>
    <rPh sb="0" eb="1">
      <t>ヒョウ</t>
    </rPh>
    <rPh sb="10" eb="12">
      <t>シカ</t>
    </rPh>
    <rPh sb="12" eb="14">
      <t>ウム</t>
    </rPh>
    <rPh sb="15" eb="17">
      <t>シカ</t>
    </rPh>
    <rPh sb="17" eb="19">
      <t>キョウフ</t>
    </rPh>
    <rPh sb="20" eb="22">
      <t>キョヒ</t>
    </rPh>
    <phoneticPr fontId="1"/>
  </si>
  <si>
    <t>表266　かかりつけ歯科有無とむし歯有無</t>
    <rPh sb="0" eb="1">
      <t>ヒョウ</t>
    </rPh>
    <rPh sb="10" eb="12">
      <t>シカ</t>
    </rPh>
    <rPh sb="12" eb="14">
      <t>ウム</t>
    </rPh>
    <rPh sb="17" eb="20">
      <t>バウム</t>
    </rPh>
    <phoneticPr fontId="1"/>
  </si>
  <si>
    <t>表267　かかりつけ歯科有無とむし歯本数</t>
    <rPh sb="0" eb="1">
      <t>ヒョウ</t>
    </rPh>
    <rPh sb="10" eb="12">
      <t>シカ</t>
    </rPh>
    <rPh sb="12" eb="14">
      <t>ウム</t>
    </rPh>
    <rPh sb="17" eb="18">
      <t>バ</t>
    </rPh>
    <rPh sb="18" eb="20">
      <t>ホンスウ</t>
    </rPh>
    <phoneticPr fontId="1"/>
  </si>
  <si>
    <t>表268　受診のすすめと歯科恐怖・拒否</t>
    <rPh sb="0" eb="1">
      <t>ヒョウ</t>
    </rPh>
    <rPh sb="5" eb="7">
      <t>ジュシン</t>
    </rPh>
    <rPh sb="12" eb="14">
      <t>シカ</t>
    </rPh>
    <rPh sb="14" eb="16">
      <t>キョウフ</t>
    </rPh>
    <rPh sb="17" eb="19">
      <t>キョヒ</t>
    </rPh>
    <phoneticPr fontId="1"/>
  </si>
  <si>
    <t>表269　受診のすすめとむし歯有無</t>
    <rPh sb="0" eb="1">
      <t>ヒョウ</t>
    </rPh>
    <rPh sb="5" eb="7">
      <t>ジュシン</t>
    </rPh>
    <rPh sb="14" eb="17">
      <t>バウム</t>
    </rPh>
    <phoneticPr fontId="1"/>
  </si>
  <si>
    <t>表270　受診のすすめとむし歯本数</t>
    <rPh sb="0" eb="1">
      <t>ヒョウ</t>
    </rPh>
    <rPh sb="5" eb="7">
      <t>ジュシン</t>
    </rPh>
    <rPh sb="14" eb="15">
      <t>バ</t>
    </rPh>
    <rPh sb="15" eb="17">
      <t>ホンスウ</t>
    </rPh>
    <phoneticPr fontId="1"/>
  </si>
  <si>
    <t>表260-1　受診内容とかかりつけ歯科有無</t>
    <rPh sb="0" eb="1">
      <t>ヒョウ</t>
    </rPh>
    <phoneticPr fontId="1"/>
  </si>
  <si>
    <t>表260-2　受診内容とかかりつけ歯科有無</t>
    <rPh sb="0" eb="1">
      <t>ヒョウ</t>
    </rPh>
    <phoneticPr fontId="1"/>
  </si>
  <si>
    <t>問16　お子様の、かかりつけの歯科医院を決めていますか。</t>
    <phoneticPr fontId="1"/>
  </si>
  <si>
    <t>表261-2　受診内容と受診のすすめ</t>
    <rPh sb="0" eb="1">
      <t>ヒョウ</t>
    </rPh>
    <phoneticPr fontId="1"/>
  </si>
  <si>
    <t>表261-1　受診内容と受診のすすめ</t>
    <rPh sb="0" eb="1">
      <t>ヒョウ</t>
    </rPh>
    <phoneticPr fontId="1"/>
  </si>
  <si>
    <t>問16-1　かかりつけの歯科医院から定期検診の受診のすすめがありますか。</t>
    <phoneticPr fontId="1"/>
  </si>
  <si>
    <t>表262-1　受診内容と歯科恐怖・拒否</t>
    <rPh sb="0" eb="1">
      <t>ヒョウ</t>
    </rPh>
    <phoneticPr fontId="1"/>
  </si>
  <si>
    <t>表262-2　受診内容と歯科恐怖・拒否</t>
    <rPh sb="0" eb="1">
      <t>ヒョウ</t>
    </rPh>
    <phoneticPr fontId="1"/>
  </si>
  <si>
    <t>表263-2　受診内容とむし歯有無</t>
    <rPh sb="0" eb="1">
      <t>ヒョウ</t>
    </rPh>
    <phoneticPr fontId="1"/>
  </si>
  <si>
    <t>表263-1　受診内容とむし歯有無</t>
    <rPh sb="0" eb="1">
      <t>ヒョウ</t>
    </rPh>
    <phoneticPr fontId="1"/>
  </si>
  <si>
    <t>表264-2　受診内容とむし歯本数</t>
    <rPh sb="0" eb="1">
      <t>ヒョウ</t>
    </rPh>
    <phoneticPr fontId="1"/>
  </si>
  <si>
    <t>表264-1　受診内容とむし歯本数</t>
    <rPh sb="0" eb="1">
      <t>ヒョウ</t>
    </rPh>
    <phoneticPr fontId="1"/>
  </si>
  <si>
    <t>むし歯</t>
    <rPh sb="2" eb="3">
      <t>バ</t>
    </rPh>
    <phoneticPr fontId="1"/>
  </si>
  <si>
    <t>Ⅲ　統計表　Ｂ　クロス集計表（３歳児）</t>
    <rPh sb="2" eb="5">
      <t>トウケイヒョウ</t>
    </rPh>
    <rPh sb="11" eb="13">
      <t>シュウケイ</t>
    </rPh>
    <rPh sb="13" eb="14">
      <t>ヒョウ</t>
    </rPh>
    <rPh sb="16" eb="18">
      <t>サイジ</t>
    </rPh>
    <phoneticPr fontId="1"/>
  </si>
  <si>
    <t>【目次】</t>
    <rPh sb="1" eb="3">
      <t>モクジ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);[Red]\(#,##0\)"/>
    <numFmt numFmtId="177" formatCode="0.0%"/>
    <numFmt numFmtId="178" formatCode="0_);[Red]\(0\)"/>
  </numFmts>
  <fonts count="9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sz val="12"/>
      <color theme="1"/>
      <name val="ＭＳ ゴシック"/>
      <family val="3"/>
      <charset val="128"/>
    </font>
    <font>
      <sz val="10"/>
      <name val="Arial"/>
      <family val="2"/>
    </font>
    <font>
      <u/>
      <sz val="12"/>
      <color theme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7" fillId="0" borderId="0"/>
    <xf numFmtId="0" fontId="8" fillId="0" borderId="0" applyNumberFormat="0" applyFill="0" applyBorder="0" applyAlignment="0" applyProtection="0">
      <alignment vertical="center"/>
    </xf>
  </cellStyleXfs>
  <cellXfs count="83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6" fillId="2" borderId="1" xfId="0" applyFont="1" applyFill="1" applyBorder="1" applyAlignment="1">
      <alignment horizontal="center" vertical="center"/>
    </xf>
    <xf numFmtId="176" fontId="6" fillId="0" borderId="1" xfId="0" applyNumberFormat="1" applyFont="1" applyBorder="1">
      <alignment vertical="center"/>
    </xf>
    <xf numFmtId="177" fontId="6" fillId="0" borderId="1" xfId="0" applyNumberFormat="1" applyFont="1" applyBorder="1">
      <alignment vertical="center"/>
    </xf>
    <xf numFmtId="178" fontId="6" fillId="0" borderId="1" xfId="0" applyNumberFormat="1" applyFont="1" applyBorder="1">
      <alignment vertical="center"/>
    </xf>
    <xf numFmtId="0" fontId="6" fillId="0" borderId="0" xfId="0" applyFont="1" applyAlignment="1">
      <alignment vertical="top" wrapText="1"/>
    </xf>
    <xf numFmtId="0" fontId="6" fillId="2" borderId="1" xfId="0" applyFont="1" applyFill="1" applyBorder="1" applyAlignment="1">
      <alignment horizontal="center" vertical="center" wrapText="1"/>
    </xf>
    <xf numFmtId="10" fontId="4" fillId="0" borderId="0" xfId="0" applyNumberFormat="1" applyFont="1">
      <alignment vertical="center"/>
    </xf>
    <xf numFmtId="0" fontId="7" fillId="0" borderId="0" xfId="1"/>
    <xf numFmtId="0" fontId="4" fillId="2" borderId="1" xfId="0" applyFont="1" applyFill="1" applyBorder="1" applyAlignment="1">
      <alignment vertical="center" wrapText="1"/>
    </xf>
    <xf numFmtId="177" fontId="4" fillId="0" borderId="1" xfId="0" applyNumberFormat="1" applyFont="1" applyBorder="1">
      <alignment vertical="center"/>
    </xf>
    <xf numFmtId="178" fontId="4" fillId="0" borderId="1" xfId="0" applyNumberFormat="1" applyFont="1" applyBorder="1">
      <alignment vertical="center"/>
    </xf>
    <xf numFmtId="0" fontId="4" fillId="2" borderId="1" xfId="0" applyFont="1" applyFill="1" applyBorder="1" applyAlignment="1">
      <alignment horizontal="center" vertical="center" wrapText="1"/>
    </xf>
    <xf numFmtId="49" fontId="3" fillId="0" borderId="1" xfId="0" applyNumberFormat="1" applyFont="1" applyBorder="1" applyAlignment="1">
      <alignment horizontal="center" vertical="center" shrinkToFit="1"/>
    </xf>
    <xf numFmtId="49" fontId="3" fillId="0" borderId="1" xfId="0" applyNumberFormat="1" applyFont="1" applyBorder="1" applyAlignment="1">
      <alignment horizontal="center" vertical="center"/>
    </xf>
    <xf numFmtId="0" fontId="4" fillId="0" borderId="3" xfId="0" applyFont="1" applyBorder="1">
      <alignment vertical="center"/>
    </xf>
    <xf numFmtId="0" fontId="2" fillId="0" borderId="3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3" fillId="0" borderId="1" xfId="0" applyFont="1" applyBorder="1" applyAlignment="1">
      <alignment horizontal="center" vertical="top" textRotation="255"/>
    </xf>
    <xf numFmtId="0" fontId="3" fillId="0" borderId="1" xfId="0" applyFont="1" applyBorder="1" applyAlignment="1">
      <alignment horizontal="center" vertical="top" textRotation="255" shrinkToFit="1"/>
    </xf>
    <xf numFmtId="0" fontId="2" fillId="0" borderId="0" xfId="0" applyFont="1" applyAlignment="1">
      <alignment horizontal="center" vertical="center" textRotation="255" wrapText="1"/>
    </xf>
    <xf numFmtId="0" fontId="3" fillId="0" borderId="1" xfId="0" applyFont="1" applyBorder="1" applyAlignment="1">
      <alignment horizontal="left" vertical="center" wrapText="1"/>
    </xf>
    <xf numFmtId="49" fontId="3" fillId="0" borderId="2" xfId="0" applyNumberFormat="1" applyFont="1" applyBorder="1" applyAlignment="1">
      <alignment horizontal="center" vertical="center"/>
    </xf>
    <xf numFmtId="0" fontId="3" fillId="0" borderId="1" xfId="0" applyFont="1" applyBorder="1" applyAlignment="1">
      <alignment horizontal="left" vertical="center" shrinkToFit="1"/>
    </xf>
    <xf numFmtId="0" fontId="2" fillId="0" borderId="0" xfId="0" applyFont="1" applyAlignment="1">
      <alignment horizontal="center" vertical="top" wrapText="1"/>
    </xf>
    <xf numFmtId="0" fontId="2" fillId="0" borderId="0" xfId="0" applyFont="1" applyAlignment="1">
      <alignment horizontal="left" vertical="center" wrapText="1"/>
    </xf>
    <xf numFmtId="0" fontId="4" fillId="0" borderId="8" xfId="0" applyFont="1" applyBorder="1" applyAlignment="1">
      <alignment vertical="top"/>
    </xf>
    <xf numFmtId="0" fontId="4" fillId="0" borderId="0" xfId="0" applyFont="1" applyAlignment="1">
      <alignment vertical="top"/>
    </xf>
    <xf numFmtId="0" fontId="4" fillId="0" borderId="8" xfId="0" applyFont="1" applyBorder="1" applyAlignment="1">
      <alignment vertical="top" wrapText="1"/>
    </xf>
    <xf numFmtId="0" fontId="4" fillId="0" borderId="0" xfId="0" applyFont="1" applyAlignment="1">
      <alignment vertical="top" wrapText="1"/>
    </xf>
    <xf numFmtId="0" fontId="4" fillId="0" borderId="0" xfId="0" applyFont="1" applyAlignment="1">
      <alignment horizontal="left" vertical="top" wrapText="1"/>
    </xf>
    <xf numFmtId="0" fontId="0" fillId="0" borderId="0" xfId="0" applyAlignment="1">
      <alignment horizontal="left" vertical="center"/>
    </xf>
    <xf numFmtId="177" fontId="6" fillId="0" borderId="8" xfId="0" applyNumberFormat="1" applyFont="1" applyBorder="1">
      <alignment vertical="center"/>
    </xf>
    <xf numFmtId="177" fontId="6" fillId="0" borderId="0" xfId="0" applyNumberFormat="1" applyFont="1">
      <alignment vertical="center"/>
    </xf>
    <xf numFmtId="176" fontId="4" fillId="0" borderId="1" xfId="0" applyNumberFormat="1" applyFont="1" applyBorder="1">
      <alignment vertical="center"/>
    </xf>
    <xf numFmtId="0" fontId="4" fillId="2" borderId="0" xfId="0" applyFont="1" applyFill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3" fillId="0" borderId="1" xfId="0" applyFont="1" applyBorder="1" applyAlignment="1">
      <alignment horizontal="center" vertical="top" textRotation="255" wrapText="1"/>
    </xf>
    <xf numFmtId="0" fontId="8" fillId="0" borderId="0" xfId="2">
      <alignment vertical="center"/>
    </xf>
    <xf numFmtId="49" fontId="3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top" textRotation="255" wrapText="1"/>
    </xf>
    <xf numFmtId="0" fontId="3" fillId="0" borderId="1" xfId="0" applyFont="1" applyBorder="1" applyAlignment="1">
      <alignment horizontal="center" vertical="top" textRotation="255" shrinkToFi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shrinkToFit="1"/>
    </xf>
    <xf numFmtId="0" fontId="3" fillId="0" borderId="12" xfId="0" applyFont="1" applyBorder="1" applyAlignment="1">
      <alignment horizontal="center" vertical="center" shrinkToFit="1"/>
    </xf>
    <xf numFmtId="0" fontId="6" fillId="2" borderId="1" xfId="0" applyFont="1" applyFill="1" applyBorder="1" applyAlignment="1">
      <alignment horizontal="center" vertical="top"/>
    </xf>
    <xf numFmtId="0" fontId="4" fillId="0" borderId="8" xfId="0" applyFont="1" applyBorder="1" applyAlignment="1">
      <alignment horizontal="left" vertical="top" wrapText="1"/>
    </xf>
    <xf numFmtId="0" fontId="4" fillId="0" borderId="0" xfId="0" applyFont="1" applyAlignment="1">
      <alignment horizontal="left" vertical="top" wrapText="1"/>
    </xf>
    <xf numFmtId="0" fontId="6" fillId="2" borderId="9" xfId="0" applyFont="1" applyFill="1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0" fontId="6" fillId="2" borderId="9" xfId="0" applyFont="1" applyFill="1" applyBorder="1" applyAlignment="1">
      <alignment horizontal="left" vertical="top" wrapText="1"/>
    </xf>
    <xf numFmtId="0" fontId="0" fillId="0" borderId="10" xfId="0" applyBorder="1" applyAlignment="1">
      <alignment horizontal="left" vertical="top" wrapText="1"/>
    </xf>
    <xf numFmtId="0" fontId="6" fillId="2" borderId="1" xfId="0" applyFont="1" applyFill="1" applyBorder="1" applyAlignment="1">
      <alignment horizontal="left" vertical="center"/>
    </xf>
    <xf numFmtId="0" fontId="6" fillId="2" borderId="10" xfId="0" applyFont="1" applyFill="1" applyBorder="1" applyAlignment="1">
      <alignment horizontal="left" vertical="center"/>
    </xf>
    <xf numFmtId="0" fontId="6" fillId="2" borderId="11" xfId="0" applyFont="1" applyFill="1" applyBorder="1" applyAlignment="1">
      <alignment horizontal="center" vertical="center" wrapText="1"/>
    </xf>
    <xf numFmtId="0" fontId="6" fillId="2" borderId="13" xfId="0" applyFont="1" applyFill="1" applyBorder="1" applyAlignment="1">
      <alignment horizontal="center" vertical="center" wrapText="1"/>
    </xf>
    <xf numFmtId="0" fontId="6" fillId="2" borderId="12" xfId="0" applyFont="1" applyFill="1" applyBorder="1" applyAlignment="1">
      <alignment horizontal="center" vertical="center" wrapText="1"/>
    </xf>
    <xf numFmtId="0" fontId="6" fillId="2" borderId="1" xfId="0" applyFont="1" applyFill="1" applyBorder="1" applyAlignment="1">
      <alignment horizontal="center" vertical="center" wrapText="1"/>
    </xf>
    <xf numFmtId="0" fontId="6" fillId="2" borderId="11" xfId="0" applyFont="1" applyFill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6" fillId="2" borderId="13" xfId="0" applyFont="1" applyFill="1" applyBorder="1" applyAlignment="1">
      <alignment horizontal="center" vertical="top" wrapText="1"/>
    </xf>
    <xf numFmtId="0" fontId="0" fillId="0" borderId="1" xfId="0" applyBorder="1" applyAlignment="1">
      <alignment horizontal="left" vertical="center"/>
    </xf>
    <xf numFmtId="0" fontId="6" fillId="2" borderId="1" xfId="0" applyFont="1" applyFill="1" applyBorder="1" applyAlignment="1">
      <alignment horizontal="left" vertical="top" wrapText="1"/>
    </xf>
    <xf numFmtId="0" fontId="0" fillId="0" borderId="1" xfId="0" applyBorder="1" applyAlignment="1">
      <alignment horizontal="left" vertical="top" wrapText="1"/>
    </xf>
    <xf numFmtId="0" fontId="6" fillId="2" borderId="1" xfId="0" applyFont="1" applyFill="1" applyBorder="1" applyAlignment="1">
      <alignment horizontal="center" vertical="top" wrapText="1"/>
    </xf>
    <xf numFmtId="0" fontId="6" fillId="2" borderId="9" xfId="0" applyFont="1" applyFill="1" applyBorder="1" applyAlignment="1">
      <alignment horizontal="left" vertical="center" wrapText="1"/>
    </xf>
    <xf numFmtId="0" fontId="0" fillId="0" borderId="10" xfId="0" applyBorder="1" applyAlignment="1">
      <alignment horizontal="left" vertical="center" wrapText="1"/>
    </xf>
    <xf numFmtId="0" fontId="0" fillId="2" borderId="9" xfId="0" applyFill="1" applyBorder="1" applyAlignment="1">
      <alignment horizontal="left" vertical="center" wrapText="1"/>
    </xf>
    <xf numFmtId="0" fontId="0" fillId="2" borderId="10" xfId="0" applyFill="1" applyBorder="1" applyAlignment="1">
      <alignment horizontal="left" vertical="center" wrapText="1"/>
    </xf>
    <xf numFmtId="0" fontId="6" fillId="2" borderId="10" xfId="0" applyFont="1" applyFill="1" applyBorder="1" applyAlignment="1">
      <alignment horizontal="left" vertical="center" wrapText="1"/>
    </xf>
    <xf numFmtId="0" fontId="6" fillId="2" borderId="1" xfId="0" applyFont="1" applyFill="1" applyBorder="1" applyAlignment="1">
      <alignment horizontal="left" vertical="center" wrapText="1"/>
    </xf>
    <xf numFmtId="0" fontId="0" fillId="2" borderId="9" xfId="0" applyFill="1" applyBorder="1" applyAlignment="1">
      <alignment horizontal="left" vertical="center"/>
    </xf>
    <xf numFmtId="0" fontId="0" fillId="2" borderId="10" xfId="0" applyFill="1" applyBorder="1" applyAlignment="1">
      <alignment horizontal="left" vertical="center"/>
    </xf>
    <xf numFmtId="0" fontId="6" fillId="2" borderId="6" xfId="0" applyFont="1" applyFill="1" applyBorder="1" applyAlignment="1">
      <alignment horizontal="center" vertical="top"/>
    </xf>
    <xf numFmtId="0" fontId="6" fillId="2" borderId="3" xfId="0" applyFont="1" applyFill="1" applyBorder="1" applyAlignment="1">
      <alignment horizontal="center" vertical="top"/>
    </xf>
  </cellXfs>
  <cellStyles count="3">
    <cellStyle name="ハイパーリンク" xfId="2" builtinId="8"/>
    <cellStyle name="標準" xfId="0" builtinId="0"/>
    <cellStyle name="標準_78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17" Type="http://schemas.openxmlformats.org/officeDocument/2006/relationships/worksheet" Target="worksheets/sheet117.xml"/><Relationship Id="rId21" Type="http://schemas.openxmlformats.org/officeDocument/2006/relationships/worksheet" Target="worksheets/sheet21.xml"/><Relationship Id="rId63" Type="http://schemas.openxmlformats.org/officeDocument/2006/relationships/worksheet" Target="worksheets/sheet63.xml"/><Relationship Id="rId159" Type="http://schemas.openxmlformats.org/officeDocument/2006/relationships/worksheet" Target="worksheets/sheet159.xml"/><Relationship Id="rId170" Type="http://schemas.openxmlformats.org/officeDocument/2006/relationships/worksheet" Target="worksheets/sheet170.xml"/><Relationship Id="rId226" Type="http://schemas.openxmlformats.org/officeDocument/2006/relationships/worksheet" Target="worksheets/sheet226.xml"/><Relationship Id="rId268" Type="http://schemas.openxmlformats.org/officeDocument/2006/relationships/worksheet" Target="worksheets/sheet268.xml"/><Relationship Id="rId32" Type="http://schemas.openxmlformats.org/officeDocument/2006/relationships/worksheet" Target="worksheets/sheet32.xml"/><Relationship Id="rId74" Type="http://schemas.openxmlformats.org/officeDocument/2006/relationships/worksheet" Target="worksheets/sheet74.xml"/><Relationship Id="rId128" Type="http://schemas.openxmlformats.org/officeDocument/2006/relationships/worksheet" Target="worksheets/sheet128.xml"/><Relationship Id="rId5" Type="http://schemas.openxmlformats.org/officeDocument/2006/relationships/worksheet" Target="worksheets/sheet5.xml"/><Relationship Id="rId181" Type="http://schemas.openxmlformats.org/officeDocument/2006/relationships/worksheet" Target="worksheets/sheet181.xml"/><Relationship Id="rId237" Type="http://schemas.openxmlformats.org/officeDocument/2006/relationships/worksheet" Target="worksheets/sheet237.xml"/><Relationship Id="rId279" Type="http://schemas.openxmlformats.org/officeDocument/2006/relationships/worksheet" Target="worksheets/sheet279.xml"/><Relationship Id="rId43" Type="http://schemas.openxmlformats.org/officeDocument/2006/relationships/worksheet" Target="worksheets/sheet43.xml"/><Relationship Id="rId139" Type="http://schemas.openxmlformats.org/officeDocument/2006/relationships/worksheet" Target="worksheets/sheet139.xml"/><Relationship Id="rId85" Type="http://schemas.openxmlformats.org/officeDocument/2006/relationships/worksheet" Target="worksheets/sheet85.xml"/><Relationship Id="rId150" Type="http://schemas.openxmlformats.org/officeDocument/2006/relationships/worksheet" Target="worksheets/sheet150.xml"/><Relationship Id="rId171" Type="http://schemas.openxmlformats.org/officeDocument/2006/relationships/worksheet" Target="worksheets/sheet171.xml"/><Relationship Id="rId192" Type="http://schemas.openxmlformats.org/officeDocument/2006/relationships/worksheet" Target="worksheets/sheet192.xml"/><Relationship Id="rId206" Type="http://schemas.openxmlformats.org/officeDocument/2006/relationships/worksheet" Target="worksheets/sheet206.xml"/><Relationship Id="rId227" Type="http://schemas.openxmlformats.org/officeDocument/2006/relationships/worksheet" Target="worksheets/sheet227.xml"/><Relationship Id="rId248" Type="http://schemas.openxmlformats.org/officeDocument/2006/relationships/worksheet" Target="worksheets/sheet248.xml"/><Relationship Id="rId269" Type="http://schemas.openxmlformats.org/officeDocument/2006/relationships/worksheet" Target="worksheets/sheet269.xml"/><Relationship Id="rId12" Type="http://schemas.openxmlformats.org/officeDocument/2006/relationships/worksheet" Target="worksheets/sheet12.xml"/><Relationship Id="rId33" Type="http://schemas.openxmlformats.org/officeDocument/2006/relationships/worksheet" Target="worksheets/sheet33.xml"/><Relationship Id="rId108" Type="http://schemas.openxmlformats.org/officeDocument/2006/relationships/worksheet" Target="worksheets/sheet108.xml"/><Relationship Id="rId129" Type="http://schemas.openxmlformats.org/officeDocument/2006/relationships/worksheet" Target="worksheets/sheet129.xml"/><Relationship Id="rId280" Type="http://schemas.openxmlformats.org/officeDocument/2006/relationships/worksheet" Target="worksheets/sheet280.xml"/><Relationship Id="rId54" Type="http://schemas.openxmlformats.org/officeDocument/2006/relationships/worksheet" Target="worksheets/sheet54.xml"/><Relationship Id="rId75" Type="http://schemas.openxmlformats.org/officeDocument/2006/relationships/worksheet" Target="worksheets/sheet75.xml"/><Relationship Id="rId96" Type="http://schemas.openxmlformats.org/officeDocument/2006/relationships/worksheet" Target="worksheets/sheet96.xml"/><Relationship Id="rId140" Type="http://schemas.openxmlformats.org/officeDocument/2006/relationships/worksheet" Target="worksheets/sheet140.xml"/><Relationship Id="rId161" Type="http://schemas.openxmlformats.org/officeDocument/2006/relationships/worksheet" Target="worksheets/sheet161.xml"/><Relationship Id="rId182" Type="http://schemas.openxmlformats.org/officeDocument/2006/relationships/worksheet" Target="worksheets/sheet182.xml"/><Relationship Id="rId217" Type="http://schemas.openxmlformats.org/officeDocument/2006/relationships/worksheet" Target="worksheets/sheet217.xml"/><Relationship Id="rId6" Type="http://schemas.openxmlformats.org/officeDocument/2006/relationships/worksheet" Target="worksheets/sheet6.xml"/><Relationship Id="rId238" Type="http://schemas.openxmlformats.org/officeDocument/2006/relationships/worksheet" Target="worksheets/sheet238.xml"/><Relationship Id="rId259" Type="http://schemas.openxmlformats.org/officeDocument/2006/relationships/worksheet" Target="worksheets/sheet259.xml"/><Relationship Id="rId23" Type="http://schemas.openxmlformats.org/officeDocument/2006/relationships/worksheet" Target="worksheets/sheet23.xml"/><Relationship Id="rId119" Type="http://schemas.openxmlformats.org/officeDocument/2006/relationships/worksheet" Target="worksheets/sheet119.xml"/><Relationship Id="rId270" Type="http://schemas.openxmlformats.org/officeDocument/2006/relationships/worksheet" Target="worksheets/sheet270.xml"/><Relationship Id="rId44" Type="http://schemas.openxmlformats.org/officeDocument/2006/relationships/worksheet" Target="worksheets/sheet44.xml"/><Relationship Id="rId65" Type="http://schemas.openxmlformats.org/officeDocument/2006/relationships/worksheet" Target="worksheets/sheet65.xml"/><Relationship Id="rId86" Type="http://schemas.openxmlformats.org/officeDocument/2006/relationships/worksheet" Target="worksheets/sheet86.xml"/><Relationship Id="rId130" Type="http://schemas.openxmlformats.org/officeDocument/2006/relationships/worksheet" Target="worksheets/sheet130.xml"/><Relationship Id="rId151" Type="http://schemas.openxmlformats.org/officeDocument/2006/relationships/worksheet" Target="worksheets/sheet151.xml"/><Relationship Id="rId172" Type="http://schemas.openxmlformats.org/officeDocument/2006/relationships/worksheet" Target="worksheets/sheet172.xml"/><Relationship Id="rId193" Type="http://schemas.openxmlformats.org/officeDocument/2006/relationships/worksheet" Target="worksheets/sheet193.xml"/><Relationship Id="rId207" Type="http://schemas.openxmlformats.org/officeDocument/2006/relationships/worksheet" Target="worksheets/sheet207.xml"/><Relationship Id="rId228" Type="http://schemas.openxmlformats.org/officeDocument/2006/relationships/worksheet" Target="worksheets/sheet228.xml"/><Relationship Id="rId249" Type="http://schemas.openxmlformats.org/officeDocument/2006/relationships/worksheet" Target="worksheets/sheet249.xml"/><Relationship Id="rId13" Type="http://schemas.openxmlformats.org/officeDocument/2006/relationships/worksheet" Target="worksheets/sheet13.xml"/><Relationship Id="rId109" Type="http://schemas.openxmlformats.org/officeDocument/2006/relationships/worksheet" Target="worksheets/sheet109.xml"/><Relationship Id="rId260" Type="http://schemas.openxmlformats.org/officeDocument/2006/relationships/worksheet" Target="worksheets/sheet260.xml"/><Relationship Id="rId281" Type="http://schemas.openxmlformats.org/officeDocument/2006/relationships/worksheet" Target="worksheets/sheet281.xml"/><Relationship Id="rId34" Type="http://schemas.openxmlformats.org/officeDocument/2006/relationships/worksheet" Target="worksheets/sheet34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20" Type="http://schemas.openxmlformats.org/officeDocument/2006/relationships/worksheet" Target="worksheets/sheet120.xml"/><Relationship Id="rId141" Type="http://schemas.openxmlformats.org/officeDocument/2006/relationships/worksheet" Target="worksheets/sheet141.xml"/><Relationship Id="rId7" Type="http://schemas.openxmlformats.org/officeDocument/2006/relationships/worksheet" Target="worksheets/sheet7.xml"/><Relationship Id="rId162" Type="http://schemas.openxmlformats.org/officeDocument/2006/relationships/worksheet" Target="worksheets/sheet162.xml"/><Relationship Id="rId183" Type="http://schemas.openxmlformats.org/officeDocument/2006/relationships/worksheet" Target="worksheets/sheet183.xml"/><Relationship Id="rId218" Type="http://schemas.openxmlformats.org/officeDocument/2006/relationships/worksheet" Target="worksheets/sheet218.xml"/><Relationship Id="rId239" Type="http://schemas.openxmlformats.org/officeDocument/2006/relationships/worksheet" Target="worksheets/sheet239.xml"/><Relationship Id="rId250" Type="http://schemas.openxmlformats.org/officeDocument/2006/relationships/worksheet" Target="worksheets/sheet250.xml"/><Relationship Id="rId271" Type="http://schemas.openxmlformats.org/officeDocument/2006/relationships/worksheet" Target="worksheets/sheet271.xml"/><Relationship Id="rId24" Type="http://schemas.openxmlformats.org/officeDocument/2006/relationships/worksheet" Target="worksheets/sheet24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31" Type="http://schemas.openxmlformats.org/officeDocument/2006/relationships/worksheet" Target="worksheets/sheet131.xml"/><Relationship Id="rId152" Type="http://schemas.openxmlformats.org/officeDocument/2006/relationships/worksheet" Target="worksheets/sheet152.xml"/><Relationship Id="rId173" Type="http://schemas.openxmlformats.org/officeDocument/2006/relationships/worksheet" Target="worksheets/sheet173.xml"/><Relationship Id="rId194" Type="http://schemas.openxmlformats.org/officeDocument/2006/relationships/worksheet" Target="worksheets/sheet194.xml"/><Relationship Id="rId208" Type="http://schemas.openxmlformats.org/officeDocument/2006/relationships/worksheet" Target="worksheets/sheet208.xml"/><Relationship Id="rId229" Type="http://schemas.openxmlformats.org/officeDocument/2006/relationships/worksheet" Target="worksheets/sheet229.xml"/><Relationship Id="rId240" Type="http://schemas.openxmlformats.org/officeDocument/2006/relationships/worksheet" Target="worksheets/sheet240.xml"/><Relationship Id="rId261" Type="http://schemas.openxmlformats.org/officeDocument/2006/relationships/worksheet" Target="worksheets/sheet261.xml"/><Relationship Id="rId14" Type="http://schemas.openxmlformats.org/officeDocument/2006/relationships/worksheet" Target="worksheets/sheet14.xml"/><Relationship Id="rId35" Type="http://schemas.openxmlformats.org/officeDocument/2006/relationships/worksheet" Target="worksheets/sheet35.xml"/><Relationship Id="rId56" Type="http://schemas.openxmlformats.org/officeDocument/2006/relationships/worksheet" Target="worksheets/sheet56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282" Type="http://schemas.openxmlformats.org/officeDocument/2006/relationships/worksheet" Target="worksheets/sheet282.xml"/><Relationship Id="rId8" Type="http://schemas.openxmlformats.org/officeDocument/2006/relationships/worksheet" Target="worksheets/sheet8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142" Type="http://schemas.openxmlformats.org/officeDocument/2006/relationships/worksheet" Target="worksheets/sheet142.xml"/><Relationship Id="rId163" Type="http://schemas.openxmlformats.org/officeDocument/2006/relationships/worksheet" Target="worksheets/sheet163.xml"/><Relationship Id="rId184" Type="http://schemas.openxmlformats.org/officeDocument/2006/relationships/worksheet" Target="worksheets/sheet184.xml"/><Relationship Id="rId219" Type="http://schemas.openxmlformats.org/officeDocument/2006/relationships/worksheet" Target="worksheets/sheet219.xml"/><Relationship Id="rId230" Type="http://schemas.openxmlformats.org/officeDocument/2006/relationships/worksheet" Target="worksheets/sheet230.xml"/><Relationship Id="rId251" Type="http://schemas.openxmlformats.org/officeDocument/2006/relationships/worksheet" Target="worksheets/sheet251.xml"/><Relationship Id="rId25" Type="http://schemas.openxmlformats.org/officeDocument/2006/relationships/worksheet" Target="worksheets/sheet25.xml"/><Relationship Id="rId46" Type="http://schemas.openxmlformats.org/officeDocument/2006/relationships/worksheet" Target="worksheets/sheet46.xml"/><Relationship Id="rId67" Type="http://schemas.openxmlformats.org/officeDocument/2006/relationships/worksheet" Target="worksheets/sheet67.xml"/><Relationship Id="rId272" Type="http://schemas.openxmlformats.org/officeDocument/2006/relationships/worksheet" Target="worksheets/sheet272.xml"/><Relationship Id="rId88" Type="http://schemas.openxmlformats.org/officeDocument/2006/relationships/worksheet" Target="worksheets/sheet88.xml"/><Relationship Id="rId111" Type="http://schemas.openxmlformats.org/officeDocument/2006/relationships/worksheet" Target="worksheets/sheet111.xml"/><Relationship Id="rId132" Type="http://schemas.openxmlformats.org/officeDocument/2006/relationships/worksheet" Target="worksheets/sheet132.xml"/><Relationship Id="rId153" Type="http://schemas.openxmlformats.org/officeDocument/2006/relationships/worksheet" Target="worksheets/sheet153.xml"/><Relationship Id="rId174" Type="http://schemas.openxmlformats.org/officeDocument/2006/relationships/worksheet" Target="worksheets/sheet174.xml"/><Relationship Id="rId195" Type="http://schemas.openxmlformats.org/officeDocument/2006/relationships/worksheet" Target="worksheets/sheet195.xml"/><Relationship Id="rId209" Type="http://schemas.openxmlformats.org/officeDocument/2006/relationships/worksheet" Target="worksheets/sheet209.xml"/><Relationship Id="rId220" Type="http://schemas.openxmlformats.org/officeDocument/2006/relationships/worksheet" Target="worksheets/sheet220.xml"/><Relationship Id="rId241" Type="http://schemas.openxmlformats.org/officeDocument/2006/relationships/worksheet" Target="worksheets/sheet241.xml"/><Relationship Id="rId15" Type="http://schemas.openxmlformats.org/officeDocument/2006/relationships/worksheet" Target="worksheets/sheet15.xml"/><Relationship Id="rId36" Type="http://schemas.openxmlformats.org/officeDocument/2006/relationships/worksheet" Target="worksheets/sheet36.xml"/><Relationship Id="rId57" Type="http://schemas.openxmlformats.org/officeDocument/2006/relationships/worksheet" Target="worksheets/sheet57.xml"/><Relationship Id="rId262" Type="http://schemas.openxmlformats.org/officeDocument/2006/relationships/worksheet" Target="worksheets/sheet262.xml"/><Relationship Id="rId283" Type="http://schemas.openxmlformats.org/officeDocument/2006/relationships/theme" Target="theme/theme1.xml"/><Relationship Id="rId78" Type="http://schemas.openxmlformats.org/officeDocument/2006/relationships/worksheet" Target="worksheets/sheet78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43" Type="http://schemas.openxmlformats.org/officeDocument/2006/relationships/worksheet" Target="worksheets/sheet143.xml"/><Relationship Id="rId164" Type="http://schemas.openxmlformats.org/officeDocument/2006/relationships/worksheet" Target="worksheets/sheet164.xml"/><Relationship Id="rId185" Type="http://schemas.openxmlformats.org/officeDocument/2006/relationships/worksheet" Target="worksheets/sheet185.xml"/><Relationship Id="rId9" Type="http://schemas.openxmlformats.org/officeDocument/2006/relationships/worksheet" Target="worksheets/sheet9.xml"/><Relationship Id="rId210" Type="http://schemas.openxmlformats.org/officeDocument/2006/relationships/worksheet" Target="worksheets/sheet210.xml"/><Relationship Id="rId26" Type="http://schemas.openxmlformats.org/officeDocument/2006/relationships/worksheet" Target="worksheets/sheet26.xml"/><Relationship Id="rId231" Type="http://schemas.openxmlformats.org/officeDocument/2006/relationships/worksheet" Target="worksheets/sheet231.xml"/><Relationship Id="rId252" Type="http://schemas.openxmlformats.org/officeDocument/2006/relationships/worksheet" Target="worksheets/sheet252.xml"/><Relationship Id="rId273" Type="http://schemas.openxmlformats.org/officeDocument/2006/relationships/worksheet" Target="worksheets/sheet273.xml"/><Relationship Id="rId47" Type="http://schemas.openxmlformats.org/officeDocument/2006/relationships/worksheet" Target="worksheets/sheet47.xml"/><Relationship Id="rId68" Type="http://schemas.openxmlformats.org/officeDocument/2006/relationships/worksheet" Target="worksheets/sheet68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worksheet" Target="worksheets/sheet133.xml"/><Relationship Id="rId154" Type="http://schemas.openxmlformats.org/officeDocument/2006/relationships/worksheet" Target="worksheets/sheet154.xml"/><Relationship Id="rId175" Type="http://schemas.openxmlformats.org/officeDocument/2006/relationships/worksheet" Target="worksheets/sheet175.xml"/><Relationship Id="rId196" Type="http://schemas.openxmlformats.org/officeDocument/2006/relationships/worksheet" Target="worksheets/sheet196.xml"/><Relationship Id="rId200" Type="http://schemas.openxmlformats.org/officeDocument/2006/relationships/worksheet" Target="worksheets/sheet200.xml"/><Relationship Id="rId16" Type="http://schemas.openxmlformats.org/officeDocument/2006/relationships/worksheet" Target="worksheets/sheet16.xml"/><Relationship Id="rId221" Type="http://schemas.openxmlformats.org/officeDocument/2006/relationships/worksheet" Target="worksheets/sheet221.xml"/><Relationship Id="rId242" Type="http://schemas.openxmlformats.org/officeDocument/2006/relationships/worksheet" Target="worksheets/sheet242.xml"/><Relationship Id="rId263" Type="http://schemas.openxmlformats.org/officeDocument/2006/relationships/worksheet" Target="worksheets/sheet263.xml"/><Relationship Id="rId284" Type="http://schemas.openxmlformats.org/officeDocument/2006/relationships/styles" Target="styles.xml"/><Relationship Id="rId37" Type="http://schemas.openxmlformats.org/officeDocument/2006/relationships/worksheet" Target="worksheets/sheet37.xml"/><Relationship Id="rId58" Type="http://schemas.openxmlformats.org/officeDocument/2006/relationships/worksheet" Target="worksheets/sheet58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44" Type="http://schemas.openxmlformats.org/officeDocument/2006/relationships/worksheet" Target="worksheets/sheet144.xml"/><Relationship Id="rId90" Type="http://schemas.openxmlformats.org/officeDocument/2006/relationships/worksheet" Target="worksheets/sheet90.xml"/><Relationship Id="rId165" Type="http://schemas.openxmlformats.org/officeDocument/2006/relationships/worksheet" Target="worksheets/sheet165.xml"/><Relationship Id="rId186" Type="http://schemas.openxmlformats.org/officeDocument/2006/relationships/worksheet" Target="worksheets/sheet186.xml"/><Relationship Id="rId211" Type="http://schemas.openxmlformats.org/officeDocument/2006/relationships/worksheet" Target="worksheets/sheet211.xml"/><Relationship Id="rId232" Type="http://schemas.openxmlformats.org/officeDocument/2006/relationships/worksheet" Target="worksheets/sheet232.xml"/><Relationship Id="rId253" Type="http://schemas.openxmlformats.org/officeDocument/2006/relationships/worksheet" Target="worksheets/sheet253.xml"/><Relationship Id="rId274" Type="http://schemas.openxmlformats.org/officeDocument/2006/relationships/worksheet" Target="worksheets/sheet274.xml"/><Relationship Id="rId27" Type="http://schemas.openxmlformats.org/officeDocument/2006/relationships/worksheet" Target="worksheets/sheet27.xml"/><Relationship Id="rId48" Type="http://schemas.openxmlformats.org/officeDocument/2006/relationships/worksheet" Target="worksheets/sheet48.xml"/><Relationship Id="rId69" Type="http://schemas.openxmlformats.org/officeDocument/2006/relationships/worksheet" Target="worksheets/sheet69.xml"/><Relationship Id="rId113" Type="http://schemas.openxmlformats.org/officeDocument/2006/relationships/worksheet" Target="worksheets/sheet113.xml"/><Relationship Id="rId134" Type="http://schemas.openxmlformats.org/officeDocument/2006/relationships/worksheet" Target="worksheets/sheet134.xml"/><Relationship Id="rId80" Type="http://schemas.openxmlformats.org/officeDocument/2006/relationships/worksheet" Target="worksheets/sheet80.xml"/><Relationship Id="rId155" Type="http://schemas.openxmlformats.org/officeDocument/2006/relationships/worksheet" Target="worksheets/sheet155.xml"/><Relationship Id="rId176" Type="http://schemas.openxmlformats.org/officeDocument/2006/relationships/worksheet" Target="worksheets/sheet176.xml"/><Relationship Id="rId197" Type="http://schemas.openxmlformats.org/officeDocument/2006/relationships/worksheet" Target="worksheets/sheet197.xml"/><Relationship Id="rId201" Type="http://schemas.openxmlformats.org/officeDocument/2006/relationships/worksheet" Target="worksheets/sheet201.xml"/><Relationship Id="rId222" Type="http://schemas.openxmlformats.org/officeDocument/2006/relationships/worksheet" Target="worksheets/sheet222.xml"/><Relationship Id="rId243" Type="http://schemas.openxmlformats.org/officeDocument/2006/relationships/worksheet" Target="worksheets/sheet243.xml"/><Relationship Id="rId264" Type="http://schemas.openxmlformats.org/officeDocument/2006/relationships/worksheet" Target="worksheets/sheet264.xml"/><Relationship Id="rId285" Type="http://schemas.openxmlformats.org/officeDocument/2006/relationships/sharedStrings" Target="sharedStrings.xml"/><Relationship Id="rId17" Type="http://schemas.openxmlformats.org/officeDocument/2006/relationships/worksheet" Target="worksheets/sheet17.xml"/><Relationship Id="rId38" Type="http://schemas.openxmlformats.org/officeDocument/2006/relationships/worksheet" Target="worksheets/sheet38.xml"/><Relationship Id="rId59" Type="http://schemas.openxmlformats.org/officeDocument/2006/relationships/worksheet" Target="worksheets/sheet59.xml"/><Relationship Id="rId103" Type="http://schemas.openxmlformats.org/officeDocument/2006/relationships/worksheet" Target="worksheets/sheet103.xml"/><Relationship Id="rId124" Type="http://schemas.openxmlformats.org/officeDocument/2006/relationships/worksheet" Target="worksheets/sheet124.xml"/><Relationship Id="rId70" Type="http://schemas.openxmlformats.org/officeDocument/2006/relationships/worksheet" Target="worksheets/sheet70.xml"/><Relationship Id="rId91" Type="http://schemas.openxmlformats.org/officeDocument/2006/relationships/worksheet" Target="worksheets/sheet91.xml"/><Relationship Id="rId145" Type="http://schemas.openxmlformats.org/officeDocument/2006/relationships/worksheet" Target="worksheets/sheet145.xml"/><Relationship Id="rId166" Type="http://schemas.openxmlformats.org/officeDocument/2006/relationships/worksheet" Target="worksheets/sheet166.xml"/><Relationship Id="rId187" Type="http://schemas.openxmlformats.org/officeDocument/2006/relationships/worksheet" Target="worksheets/sheet187.xml"/><Relationship Id="rId1" Type="http://schemas.openxmlformats.org/officeDocument/2006/relationships/worksheet" Target="worksheets/sheet1.xml"/><Relationship Id="rId212" Type="http://schemas.openxmlformats.org/officeDocument/2006/relationships/worksheet" Target="worksheets/sheet212.xml"/><Relationship Id="rId233" Type="http://schemas.openxmlformats.org/officeDocument/2006/relationships/worksheet" Target="worksheets/sheet233.xml"/><Relationship Id="rId254" Type="http://schemas.openxmlformats.org/officeDocument/2006/relationships/worksheet" Target="worksheets/sheet254.xml"/><Relationship Id="rId28" Type="http://schemas.openxmlformats.org/officeDocument/2006/relationships/worksheet" Target="worksheets/sheet28.xml"/><Relationship Id="rId49" Type="http://schemas.openxmlformats.org/officeDocument/2006/relationships/worksheet" Target="worksheets/sheet49.xml"/><Relationship Id="rId114" Type="http://schemas.openxmlformats.org/officeDocument/2006/relationships/worksheet" Target="worksheets/sheet114.xml"/><Relationship Id="rId275" Type="http://schemas.openxmlformats.org/officeDocument/2006/relationships/worksheet" Target="worksheets/sheet275.xml"/><Relationship Id="rId60" Type="http://schemas.openxmlformats.org/officeDocument/2006/relationships/worksheet" Target="worksheets/sheet60.xml"/><Relationship Id="rId81" Type="http://schemas.openxmlformats.org/officeDocument/2006/relationships/worksheet" Target="worksheets/sheet81.xml"/><Relationship Id="rId135" Type="http://schemas.openxmlformats.org/officeDocument/2006/relationships/worksheet" Target="worksheets/sheet135.xml"/><Relationship Id="rId156" Type="http://schemas.openxmlformats.org/officeDocument/2006/relationships/worksheet" Target="worksheets/sheet156.xml"/><Relationship Id="rId177" Type="http://schemas.openxmlformats.org/officeDocument/2006/relationships/worksheet" Target="worksheets/sheet177.xml"/><Relationship Id="rId198" Type="http://schemas.openxmlformats.org/officeDocument/2006/relationships/worksheet" Target="worksheets/sheet198.xml"/><Relationship Id="rId202" Type="http://schemas.openxmlformats.org/officeDocument/2006/relationships/worksheet" Target="worksheets/sheet202.xml"/><Relationship Id="rId223" Type="http://schemas.openxmlformats.org/officeDocument/2006/relationships/worksheet" Target="worksheets/sheet223.xml"/><Relationship Id="rId244" Type="http://schemas.openxmlformats.org/officeDocument/2006/relationships/worksheet" Target="worksheets/sheet244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265" Type="http://schemas.openxmlformats.org/officeDocument/2006/relationships/worksheet" Target="worksheets/sheet265.xml"/><Relationship Id="rId286" Type="http://schemas.microsoft.com/office/2017/10/relationships/person" Target="persons/person.xml"/><Relationship Id="rId50" Type="http://schemas.openxmlformats.org/officeDocument/2006/relationships/worksheet" Target="worksheets/sheet50.xml"/><Relationship Id="rId104" Type="http://schemas.openxmlformats.org/officeDocument/2006/relationships/worksheet" Target="worksheets/sheet104.xml"/><Relationship Id="rId125" Type="http://schemas.openxmlformats.org/officeDocument/2006/relationships/worksheet" Target="worksheets/sheet125.xml"/><Relationship Id="rId146" Type="http://schemas.openxmlformats.org/officeDocument/2006/relationships/worksheet" Target="worksheets/sheet146.xml"/><Relationship Id="rId167" Type="http://schemas.openxmlformats.org/officeDocument/2006/relationships/worksheet" Target="worksheets/sheet167.xml"/><Relationship Id="rId188" Type="http://schemas.openxmlformats.org/officeDocument/2006/relationships/worksheet" Target="worksheets/sheet188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13" Type="http://schemas.openxmlformats.org/officeDocument/2006/relationships/worksheet" Target="worksheets/sheet213.xml"/><Relationship Id="rId234" Type="http://schemas.openxmlformats.org/officeDocument/2006/relationships/worksheet" Target="worksheets/sheet234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55" Type="http://schemas.openxmlformats.org/officeDocument/2006/relationships/worksheet" Target="worksheets/sheet255.xml"/><Relationship Id="rId276" Type="http://schemas.openxmlformats.org/officeDocument/2006/relationships/worksheet" Target="worksheets/sheet276.xml"/><Relationship Id="rId40" Type="http://schemas.openxmlformats.org/officeDocument/2006/relationships/worksheet" Target="worksheets/sheet40.xml"/><Relationship Id="rId115" Type="http://schemas.openxmlformats.org/officeDocument/2006/relationships/worksheet" Target="worksheets/sheet115.xml"/><Relationship Id="rId136" Type="http://schemas.openxmlformats.org/officeDocument/2006/relationships/worksheet" Target="worksheets/sheet136.xml"/><Relationship Id="rId157" Type="http://schemas.openxmlformats.org/officeDocument/2006/relationships/worksheet" Target="worksheets/sheet157.xml"/><Relationship Id="rId178" Type="http://schemas.openxmlformats.org/officeDocument/2006/relationships/worksheet" Target="worksheets/sheet178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9" Type="http://schemas.openxmlformats.org/officeDocument/2006/relationships/worksheet" Target="worksheets/sheet199.xml"/><Relationship Id="rId203" Type="http://schemas.openxmlformats.org/officeDocument/2006/relationships/worksheet" Target="worksheets/sheet203.xml"/><Relationship Id="rId19" Type="http://schemas.openxmlformats.org/officeDocument/2006/relationships/worksheet" Target="worksheets/sheet19.xml"/><Relationship Id="rId224" Type="http://schemas.openxmlformats.org/officeDocument/2006/relationships/worksheet" Target="worksheets/sheet224.xml"/><Relationship Id="rId245" Type="http://schemas.openxmlformats.org/officeDocument/2006/relationships/worksheet" Target="worksheets/sheet245.xml"/><Relationship Id="rId266" Type="http://schemas.openxmlformats.org/officeDocument/2006/relationships/worksheet" Target="worksheets/sheet266.xml"/><Relationship Id="rId30" Type="http://schemas.openxmlformats.org/officeDocument/2006/relationships/worksheet" Target="worksheets/sheet30.xml"/><Relationship Id="rId105" Type="http://schemas.openxmlformats.org/officeDocument/2006/relationships/worksheet" Target="worksheets/sheet105.xml"/><Relationship Id="rId126" Type="http://schemas.openxmlformats.org/officeDocument/2006/relationships/worksheet" Target="worksheets/sheet126.xml"/><Relationship Id="rId147" Type="http://schemas.openxmlformats.org/officeDocument/2006/relationships/worksheet" Target="worksheets/sheet147.xml"/><Relationship Id="rId168" Type="http://schemas.openxmlformats.org/officeDocument/2006/relationships/worksheet" Target="worksheets/sheet16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93" Type="http://schemas.openxmlformats.org/officeDocument/2006/relationships/worksheet" Target="worksheets/sheet93.xml"/><Relationship Id="rId189" Type="http://schemas.openxmlformats.org/officeDocument/2006/relationships/worksheet" Target="worksheets/sheet189.xml"/><Relationship Id="rId3" Type="http://schemas.openxmlformats.org/officeDocument/2006/relationships/worksheet" Target="worksheets/sheet3.xml"/><Relationship Id="rId214" Type="http://schemas.openxmlformats.org/officeDocument/2006/relationships/worksheet" Target="worksheets/sheet214.xml"/><Relationship Id="rId235" Type="http://schemas.openxmlformats.org/officeDocument/2006/relationships/worksheet" Target="worksheets/sheet235.xml"/><Relationship Id="rId256" Type="http://schemas.openxmlformats.org/officeDocument/2006/relationships/worksheet" Target="worksheets/sheet256.xml"/><Relationship Id="rId277" Type="http://schemas.openxmlformats.org/officeDocument/2006/relationships/worksheet" Target="worksheets/sheet277.xml"/><Relationship Id="rId116" Type="http://schemas.openxmlformats.org/officeDocument/2006/relationships/worksheet" Target="worksheets/sheet116.xml"/><Relationship Id="rId137" Type="http://schemas.openxmlformats.org/officeDocument/2006/relationships/worksheet" Target="worksheets/sheet137.xml"/><Relationship Id="rId158" Type="http://schemas.openxmlformats.org/officeDocument/2006/relationships/worksheet" Target="worksheets/sheet158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62" Type="http://schemas.openxmlformats.org/officeDocument/2006/relationships/worksheet" Target="worksheets/sheet62.xml"/><Relationship Id="rId83" Type="http://schemas.openxmlformats.org/officeDocument/2006/relationships/worksheet" Target="worksheets/sheet83.xml"/><Relationship Id="rId179" Type="http://schemas.openxmlformats.org/officeDocument/2006/relationships/worksheet" Target="worksheets/sheet179.xml"/><Relationship Id="rId190" Type="http://schemas.openxmlformats.org/officeDocument/2006/relationships/worksheet" Target="worksheets/sheet190.xml"/><Relationship Id="rId204" Type="http://schemas.openxmlformats.org/officeDocument/2006/relationships/worksheet" Target="worksheets/sheet204.xml"/><Relationship Id="rId225" Type="http://schemas.openxmlformats.org/officeDocument/2006/relationships/worksheet" Target="worksheets/sheet225.xml"/><Relationship Id="rId246" Type="http://schemas.openxmlformats.org/officeDocument/2006/relationships/worksheet" Target="worksheets/sheet246.xml"/><Relationship Id="rId267" Type="http://schemas.openxmlformats.org/officeDocument/2006/relationships/worksheet" Target="worksheets/sheet267.xml"/><Relationship Id="rId106" Type="http://schemas.openxmlformats.org/officeDocument/2006/relationships/worksheet" Target="worksheets/sheet106.xml"/><Relationship Id="rId127" Type="http://schemas.openxmlformats.org/officeDocument/2006/relationships/worksheet" Target="worksheets/sheet12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52" Type="http://schemas.openxmlformats.org/officeDocument/2006/relationships/worksheet" Target="worksheets/sheet52.xml"/><Relationship Id="rId73" Type="http://schemas.openxmlformats.org/officeDocument/2006/relationships/worksheet" Target="worksheets/sheet73.xml"/><Relationship Id="rId94" Type="http://schemas.openxmlformats.org/officeDocument/2006/relationships/worksheet" Target="worksheets/sheet94.xml"/><Relationship Id="rId148" Type="http://schemas.openxmlformats.org/officeDocument/2006/relationships/worksheet" Target="worksheets/sheet148.xml"/><Relationship Id="rId169" Type="http://schemas.openxmlformats.org/officeDocument/2006/relationships/worksheet" Target="worksheets/sheet169.xml"/><Relationship Id="rId4" Type="http://schemas.openxmlformats.org/officeDocument/2006/relationships/worksheet" Target="worksheets/sheet4.xml"/><Relationship Id="rId180" Type="http://schemas.openxmlformats.org/officeDocument/2006/relationships/worksheet" Target="worksheets/sheet180.xml"/><Relationship Id="rId215" Type="http://schemas.openxmlformats.org/officeDocument/2006/relationships/worksheet" Target="worksheets/sheet215.xml"/><Relationship Id="rId236" Type="http://schemas.openxmlformats.org/officeDocument/2006/relationships/worksheet" Target="worksheets/sheet236.xml"/><Relationship Id="rId257" Type="http://schemas.openxmlformats.org/officeDocument/2006/relationships/worksheet" Target="worksheets/sheet257.xml"/><Relationship Id="rId278" Type="http://schemas.openxmlformats.org/officeDocument/2006/relationships/worksheet" Target="worksheets/sheet278.xml"/><Relationship Id="rId42" Type="http://schemas.openxmlformats.org/officeDocument/2006/relationships/worksheet" Target="worksheets/sheet42.xml"/><Relationship Id="rId84" Type="http://schemas.openxmlformats.org/officeDocument/2006/relationships/worksheet" Target="worksheets/sheet84.xml"/><Relationship Id="rId138" Type="http://schemas.openxmlformats.org/officeDocument/2006/relationships/worksheet" Target="worksheets/sheet138.xml"/><Relationship Id="rId191" Type="http://schemas.openxmlformats.org/officeDocument/2006/relationships/worksheet" Target="worksheets/sheet191.xml"/><Relationship Id="rId205" Type="http://schemas.openxmlformats.org/officeDocument/2006/relationships/worksheet" Target="worksheets/sheet205.xml"/><Relationship Id="rId247" Type="http://schemas.openxmlformats.org/officeDocument/2006/relationships/worksheet" Target="worksheets/sheet247.xml"/><Relationship Id="rId107" Type="http://schemas.openxmlformats.org/officeDocument/2006/relationships/worksheet" Target="worksheets/sheet107.xml"/><Relationship Id="rId11" Type="http://schemas.openxmlformats.org/officeDocument/2006/relationships/worksheet" Target="worksheets/sheet11.xml"/><Relationship Id="rId53" Type="http://schemas.openxmlformats.org/officeDocument/2006/relationships/worksheet" Target="worksheets/sheet53.xml"/><Relationship Id="rId149" Type="http://schemas.openxmlformats.org/officeDocument/2006/relationships/worksheet" Target="worksheets/sheet149.xml"/><Relationship Id="rId95" Type="http://schemas.openxmlformats.org/officeDocument/2006/relationships/worksheet" Target="worksheets/sheet95.xml"/><Relationship Id="rId160" Type="http://schemas.openxmlformats.org/officeDocument/2006/relationships/worksheet" Target="worksheets/sheet160.xml"/><Relationship Id="rId216" Type="http://schemas.openxmlformats.org/officeDocument/2006/relationships/worksheet" Target="worksheets/sheet216.xml"/><Relationship Id="rId258" Type="http://schemas.openxmlformats.org/officeDocument/2006/relationships/worksheet" Target="worksheets/sheet258.xml"/><Relationship Id="rId22" Type="http://schemas.openxmlformats.org/officeDocument/2006/relationships/worksheet" Target="worksheets/sheet22.xml"/><Relationship Id="rId64" Type="http://schemas.openxmlformats.org/officeDocument/2006/relationships/worksheet" Target="worksheets/sheet64.xml"/><Relationship Id="rId118" Type="http://schemas.openxmlformats.org/officeDocument/2006/relationships/worksheet" Target="worksheets/sheet118.xml"/></Relationships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1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1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1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_rels/sheet1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1.bin"/></Relationships>
</file>

<file path=xl/worksheets/_rels/sheet1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2.bin"/></Relationships>
</file>

<file path=xl/worksheets/_rels/sheet1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3.bin"/></Relationships>
</file>

<file path=xl/worksheets/_rels/sheet1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4.bin"/></Relationships>
</file>

<file path=xl/worksheets/_rels/sheet1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5.bin"/></Relationships>
</file>

<file path=xl/worksheets/_rels/sheet1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6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7.bin"/></Relationships>
</file>

<file path=xl/worksheets/_rels/sheet1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8.bin"/></Relationships>
</file>

<file path=xl/worksheets/_rels/sheet1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9.bin"/></Relationships>
</file>

<file path=xl/worksheets/_rels/sheet1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0.bin"/></Relationships>
</file>

<file path=xl/worksheets/_rels/sheet1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1.bin"/></Relationships>
</file>

<file path=xl/worksheets/_rels/sheet1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2.bin"/></Relationships>
</file>

<file path=xl/worksheets/_rels/sheet1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3.bin"/></Relationships>
</file>

<file path=xl/worksheets/_rels/sheet1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4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5.bin"/></Relationships>
</file>

<file path=xl/worksheets/_rels/sheet1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6.bin"/></Relationships>
</file>

<file path=xl/worksheets/_rels/sheet1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7.bin"/></Relationships>
</file>

<file path=xl/worksheets/_rels/sheet1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8.bin"/></Relationships>
</file>

<file path=xl/worksheets/_rels/sheet1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9.bin"/></Relationships>
</file>

<file path=xl/worksheets/_rels/sheet1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0.bin"/></Relationships>
</file>

<file path=xl/worksheets/_rels/sheet1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1.bin"/></Relationships>
</file>

<file path=xl/worksheets/_rels/sheet1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2.bin"/></Relationships>
</file>

<file path=xl/worksheets/_rels/sheet1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3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4.bin"/></Relationships>
</file>

<file path=xl/worksheets/_rels/sheet1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5.bin"/></Relationships>
</file>

<file path=xl/worksheets/_rels/sheet1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6.bin"/></Relationships>
</file>

<file path=xl/worksheets/_rels/sheet1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7.bin"/></Relationships>
</file>

<file path=xl/worksheets/_rels/sheet1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8.bin"/></Relationships>
</file>

<file path=xl/worksheets/_rels/sheet1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9.bin"/></Relationships>
</file>

<file path=xl/worksheets/_rels/sheet1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0.bin"/></Relationships>
</file>

<file path=xl/worksheets/_rels/sheet1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1.bin"/></Relationships>
</file>

<file path=xl/worksheets/_rels/sheet1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2.bin"/></Relationships>
</file>

<file path=xl/worksheets/_rels/sheet1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4.bin"/></Relationships>
</file>

<file path=xl/worksheets/_rels/sheet1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5.bin"/></Relationships>
</file>

<file path=xl/worksheets/_rels/sheet1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6.bin"/></Relationships>
</file>

<file path=xl/worksheets/_rels/sheet1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7.bin"/></Relationships>
</file>

<file path=xl/worksheets/_rels/sheet1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8.bin"/></Relationships>
</file>

<file path=xl/worksheets/_rels/sheet1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9.bin"/></Relationships>
</file>

<file path=xl/worksheets/_rels/sheet1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0.bin"/></Relationships>
</file>

<file path=xl/worksheets/_rels/sheet1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1.bin"/></Relationships>
</file>

<file path=xl/worksheets/_rels/sheet1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2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3.bin"/></Relationships>
</file>

<file path=xl/worksheets/_rels/sheet1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4.bin"/></Relationships>
</file>

<file path=xl/worksheets/_rels/sheet1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5.bin"/></Relationships>
</file>

<file path=xl/worksheets/_rels/sheet1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6.bin"/></Relationships>
</file>

<file path=xl/worksheets/_rels/sheet1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7.bin"/></Relationships>
</file>

<file path=xl/worksheets/_rels/sheet1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8.bin"/></Relationships>
</file>

<file path=xl/worksheets/_rels/sheet1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9.bin"/></Relationships>
</file>

<file path=xl/worksheets/_rels/sheet1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0.bin"/></Relationships>
</file>

<file path=xl/worksheets/_rels/sheet1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1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2.bin"/></Relationships>
</file>

<file path=xl/worksheets/_rels/sheet1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3.bin"/></Relationships>
</file>

<file path=xl/worksheets/_rels/sheet1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4.bin"/></Relationships>
</file>

<file path=xl/worksheets/_rels/sheet1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5.bin"/></Relationships>
</file>

<file path=xl/worksheets/_rels/sheet1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6.bin"/></Relationships>
</file>

<file path=xl/worksheets/_rels/sheet1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7.bin"/></Relationships>
</file>

<file path=xl/worksheets/_rels/sheet1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8.bin"/></Relationships>
</file>

<file path=xl/worksheets/_rels/sheet1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9.bin"/></Relationships>
</file>

<file path=xl/worksheets/_rels/sheet1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0.bin"/></Relationships>
</file>

<file path=xl/worksheets/_rels/sheet1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1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2.bin"/></Relationships>
</file>

<file path=xl/worksheets/_rels/sheet1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3.bin"/></Relationships>
</file>

<file path=xl/worksheets/_rels/sheet1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4.bin"/></Relationships>
</file>

<file path=xl/worksheets/_rels/sheet1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5.bin"/></Relationships>
</file>

<file path=xl/worksheets/_rels/sheet1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6.bin"/></Relationships>
</file>

<file path=xl/worksheets/_rels/sheet1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7.bin"/></Relationships>
</file>

<file path=xl/worksheets/_rels/sheet1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8.bin"/></Relationships>
</file>

<file path=xl/worksheets/_rels/sheet1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9.bin"/></Relationships>
</file>

<file path=xl/worksheets/_rels/sheet1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0.bin"/></Relationships>
</file>

<file path=xl/worksheets/_rels/sheet1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1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2.bin"/></Relationships>
</file>

<file path=xl/worksheets/_rels/sheet1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3.bin"/></Relationships>
</file>

<file path=xl/worksheets/_rels/sheet1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4.bin"/></Relationships>
</file>

<file path=xl/worksheets/_rels/sheet1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5.bin"/></Relationships>
</file>

<file path=xl/worksheets/_rels/sheet1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6.bin"/></Relationships>
</file>

<file path=xl/worksheets/_rels/sheet1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7.bin"/></Relationships>
</file>

<file path=xl/worksheets/_rels/sheet1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8.bin"/></Relationships>
</file>

<file path=xl/worksheets/_rels/sheet1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9.bin"/></Relationships>
</file>

<file path=xl/worksheets/_rels/sheet1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0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1.bin"/></Relationships>
</file>

<file path=xl/worksheets/_rels/sheet1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2.bin"/></Relationships>
</file>

<file path=xl/worksheets/_rels/sheet1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3.bin"/></Relationships>
</file>

<file path=xl/worksheets/_rels/sheet1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4.bin"/></Relationships>
</file>

<file path=xl/worksheets/_rels/sheet1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5.bin"/></Relationships>
</file>

<file path=xl/worksheets/_rels/sheet1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6.bin"/></Relationships>
</file>

<file path=xl/worksheets/_rels/sheet1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7.bin"/></Relationships>
</file>

<file path=xl/worksheets/_rels/sheet1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8.bin"/></Relationships>
</file>

<file path=xl/worksheets/_rels/sheet1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0.bin"/></Relationships>
</file>

<file path=xl/worksheets/_rels/sheet2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1.bin"/></Relationships>
</file>

<file path=xl/worksheets/_rels/sheet2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2.bin"/></Relationships>
</file>

<file path=xl/worksheets/_rels/sheet2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3.bin"/></Relationships>
</file>

<file path=xl/worksheets/_rels/sheet2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4.bin"/></Relationships>
</file>

<file path=xl/worksheets/_rels/sheet2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5.bin"/></Relationships>
</file>

<file path=xl/worksheets/_rels/sheet2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6.bin"/></Relationships>
</file>

<file path=xl/worksheets/_rels/sheet2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7.bin"/></Relationships>
</file>

<file path=xl/worksheets/_rels/sheet2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8.bin"/></Relationships>
</file>

<file path=xl/worksheets/_rels/sheet2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9.bin"/></Relationships>
</file>

<file path=xl/worksheets/_rels/sheet2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0.bin"/></Relationships>
</file>

<file path=xl/worksheets/_rels/sheet2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1.bin"/></Relationships>
</file>

<file path=xl/worksheets/_rels/sheet2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2.bin"/></Relationships>
</file>

<file path=xl/worksheets/_rels/sheet2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3.bin"/></Relationships>
</file>

<file path=xl/worksheets/_rels/sheet2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4.bin"/></Relationships>
</file>

<file path=xl/worksheets/_rels/sheet2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5.bin"/></Relationships>
</file>

<file path=xl/worksheets/_rels/sheet2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6.bin"/></Relationships>
</file>

<file path=xl/worksheets/_rels/sheet2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7.bin"/></Relationships>
</file>

<file path=xl/worksheets/_rels/sheet2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8.bin"/></Relationships>
</file>

<file path=xl/worksheets/_rels/sheet2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9.bin"/></Relationships>
</file>

<file path=xl/worksheets/_rels/sheet2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0.bin"/></Relationships>
</file>

<file path=xl/worksheets/_rels/sheet2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1.bin"/></Relationships>
</file>

<file path=xl/worksheets/_rels/sheet2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2.bin"/></Relationships>
</file>

<file path=xl/worksheets/_rels/sheet2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3.bin"/></Relationships>
</file>

<file path=xl/worksheets/_rels/sheet2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4.bin"/></Relationships>
</file>

<file path=xl/worksheets/_rels/sheet2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5.bin"/></Relationships>
</file>

<file path=xl/worksheets/_rels/sheet2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6.bin"/></Relationships>
</file>

<file path=xl/worksheets/_rels/sheet2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7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8.bin"/></Relationships>
</file>

<file path=xl/worksheets/_rels/sheet2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9.bin"/></Relationships>
</file>

<file path=xl/worksheets/_rels/sheet2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0.bin"/></Relationships>
</file>

<file path=xl/worksheets/_rels/sheet2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1.bin"/></Relationships>
</file>

<file path=xl/worksheets/_rels/sheet2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2.bin"/></Relationships>
</file>

<file path=xl/worksheets/_rels/sheet2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3.bin"/></Relationships>
</file>

<file path=xl/worksheets/_rels/sheet2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4.bin"/></Relationships>
</file>

<file path=xl/worksheets/_rels/sheet2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5.bin"/></Relationships>
</file>

<file path=xl/worksheets/_rels/sheet2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6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7.bin"/></Relationships>
</file>

<file path=xl/worksheets/_rels/sheet2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8.bin"/></Relationships>
</file>

<file path=xl/worksheets/_rels/sheet2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9.bin"/></Relationships>
</file>

<file path=xl/worksheets/_rels/sheet2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0.bin"/></Relationships>
</file>

<file path=xl/worksheets/_rels/sheet2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1.bin"/></Relationships>
</file>

<file path=xl/worksheets/_rels/sheet2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2.bin"/></Relationships>
</file>

<file path=xl/worksheets/_rels/sheet2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3.bin"/></Relationships>
</file>

<file path=xl/worksheets/_rels/sheet2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5.bin"/></Relationships>
</file>

<file path=xl/worksheets/_rels/sheet2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6.bin"/></Relationships>
</file>

<file path=xl/worksheets/_rels/sheet2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7.bin"/></Relationships>
</file>

<file path=xl/worksheets/_rels/sheet2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8.bin"/></Relationships>
</file>

<file path=xl/worksheets/_rels/sheet2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9.bin"/></Relationships>
</file>

<file path=xl/worksheets/_rels/sheet2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0.bin"/></Relationships>
</file>

<file path=xl/worksheets/_rels/sheet2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1.bin"/></Relationships>
</file>

<file path=xl/worksheets/_rels/sheet2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2.bin"/></Relationships>
</file>

<file path=xl/worksheets/_rels/sheet2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3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4.bin"/></Relationships>
</file>

<file path=xl/worksheets/_rels/sheet2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5.bin"/></Relationships>
</file>

<file path=xl/worksheets/_rels/sheet2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6.bin"/></Relationships>
</file>

<file path=xl/worksheets/_rels/sheet2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7.bin"/></Relationships>
</file>

<file path=xl/worksheets/_rels/sheet2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8.bin"/></Relationships>
</file>

<file path=xl/worksheets/_rels/sheet2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9.bin"/></Relationships>
</file>

<file path=xl/worksheets/_rels/sheet2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0.bin"/></Relationships>
</file>

<file path=xl/worksheets/_rels/sheet2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1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2.bin"/></Relationships>
</file>

<file path=xl/worksheets/_rels/sheet2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3.bin"/></Relationships>
</file>

<file path=xl/worksheets/_rels/sheet2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4.bin"/></Relationships>
</file>

<file path=xl/worksheets/_rels/sheet2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5.bin"/></Relationships>
</file>

<file path=xl/worksheets/_rels/sheet2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6.bin"/></Relationships>
</file>

<file path=xl/worksheets/_rels/sheet2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7.bin"/></Relationships>
</file>

<file path=xl/worksheets/_rels/sheet2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8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9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V27"/>
  <sheetViews>
    <sheetView tabSelected="1" zoomScaleNormal="100" zoomScaleSheetLayoutView="100" workbookViewId="0">
      <pane xSplit="2" ySplit="3" topLeftCell="C4" activePane="bottomRight" state="frozen"/>
      <selection sqref="A1:XFD1048576"/>
      <selection pane="topRight" sqref="A1:XFD1048576"/>
      <selection pane="bottomLeft" sqref="A1:XFD1048576"/>
      <selection pane="bottomRight"/>
    </sheetView>
  </sheetViews>
  <sheetFormatPr defaultColWidth="9" defaultRowHeight="30" customHeight="1"/>
  <cols>
    <col min="1" max="1" width="4.125" style="27" customWidth="1"/>
    <col min="2" max="2" width="17.625" style="28" customWidth="1"/>
    <col min="3" max="22" width="4.125" style="20" customWidth="1"/>
    <col min="23" max="16384" width="9" style="20"/>
  </cols>
  <sheetData>
    <row r="1" spans="1:22" ht="30" customHeight="1">
      <c r="A1" s="17" t="s">
        <v>811</v>
      </c>
      <c r="B1" s="18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  <c r="O1" s="19"/>
      <c r="P1" s="19"/>
      <c r="Q1" s="19"/>
      <c r="R1" s="19"/>
      <c r="S1" s="19"/>
      <c r="T1" s="19"/>
      <c r="U1" s="19"/>
      <c r="V1" s="19"/>
    </row>
    <row r="2" spans="1:22" ht="30" customHeight="1">
      <c r="A2" s="47"/>
      <c r="B2" s="48"/>
      <c r="C2" s="51" t="s">
        <v>14</v>
      </c>
      <c r="D2" s="52"/>
      <c r="E2" s="44" t="s">
        <v>15</v>
      </c>
      <c r="F2" s="44"/>
      <c r="G2" s="44"/>
      <c r="H2" s="44"/>
      <c r="I2" s="44"/>
      <c r="J2" s="44"/>
      <c r="K2" s="44"/>
      <c r="L2" s="44"/>
      <c r="M2" s="44"/>
      <c r="N2" s="44"/>
      <c r="O2" s="44"/>
      <c r="P2" s="44"/>
      <c r="Q2" s="44"/>
      <c r="R2" s="44"/>
      <c r="S2" s="44"/>
      <c r="T2" s="44"/>
      <c r="U2" s="44" t="s">
        <v>810</v>
      </c>
      <c r="V2" s="44"/>
    </row>
    <row r="3" spans="1:22" s="23" customFormat="1" ht="145.5">
      <c r="A3" s="49"/>
      <c r="B3" s="50"/>
      <c r="C3" s="21" t="s">
        <v>4</v>
      </c>
      <c r="D3" s="22" t="s">
        <v>3</v>
      </c>
      <c r="E3" s="22" t="s">
        <v>21</v>
      </c>
      <c r="F3" s="21" t="s">
        <v>5</v>
      </c>
      <c r="G3" s="21" t="s">
        <v>514</v>
      </c>
      <c r="H3" s="21" t="s">
        <v>11</v>
      </c>
      <c r="I3" s="21" t="s">
        <v>515</v>
      </c>
      <c r="J3" s="21" t="s">
        <v>6</v>
      </c>
      <c r="K3" s="21" t="s">
        <v>516</v>
      </c>
      <c r="L3" s="21" t="s">
        <v>17</v>
      </c>
      <c r="M3" s="21" t="s">
        <v>18</v>
      </c>
      <c r="N3" s="22" t="s">
        <v>7</v>
      </c>
      <c r="O3" s="22" t="s">
        <v>25</v>
      </c>
      <c r="P3" s="21" t="s">
        <v>8</v>
      </c>
      <c r="Q3" s="21" t="s">
        <v>10</v>
      </c>
      <c r="R3" s="21" t="s">
        <v>9</v>
      </c>
      <c r="S3" s="21" t="s">
        <v>22</v>
      </c>
      <c r="T3" s="21" t="s">
        <v>19</v>
      </c>
      <c r="U3" s="21" t="s">
        <v>12</v>
      </c>
      <c r="V3" s="21" t="s">
        <v>20</v>
      </c>
    </row>
    <row r="4" spans="1:22" ht="30" customHeight="1">
      <c r="A4" s="45" t="s">
        <v>13</v>
      </c>
      <c r="B4" s="24" t="s">
        <v>16</v>
      </c>
      <c r="C4" s="15" t="s">
        <v>53</v>
      </c>
      <c r="D4" s="15" t="s">
        <v>40</v>
      </c>
      <c r="E4" s="15" t="s">
        <v>41</v>
      </c>
      <c r="F4" s="15" t="s">
        <v>54</v>
      </c>
      <c r="G4" s="15" t="s">
        <v>55</v>
      </c>
      <c r="H4" s="15" t="s">
        <v>56</v>
      </c>
      <c r="I4" s="15" t="s">
        <v>57</v>
      </c>
      <c r="J4" s="15" t="s">
        <v>58</v>
      </c>
      <c r="K4" s="15" t="s">
        <v>59</v>
      </c>
      <c r="L4" s="15" t="s">
        <v>60</v>
      </c>
      <c r="M4" s="15"/>
      <c r="N4" s="15" t="s">
        <v>51</v>
      </c>
      <c r="O4" s="15" t="s">
        <v>52</v>
      </c>
      <c r="P4" s="15" t="s">
        <v>271</v>
      </c>
      <c r="Q4" s="15" t="s">
        <v>272</v>
      </c>
      <c r="R4" s="15" t="s">
        <v>273</v>
      </c>
      <c r="S4" s="15" t="s">
        <v>274</v>
      </c>
      <c r="T4" s="15" t="s">
        <v>275</v>
      </c>
      <c r="U4" s="15" t="s">
        <v>276</v>
      </c>
      <c r="V4" s="15" t="s">
        <v>277</v>
      </c>
    </row>
    <row r="5" spans="1:22" ht="30" customHeight="1">
      <c r="A5" s="45"/>
      <c r="B5" s="24" t="s">
        <v>0</v>
      </c>
      <c r="C5" s="15" t="s">
        <v>61</v>
      </c>
      <c r="D5" s="15" t="s">
        <v>278</v>
      </c>
      <c r="E5" s="15" t="s">
        <v>279</v>
      </c>
      <c r="F5" s="15" t="s">
        <v>280</v>
      </c>
      <c r="G5" s="15" t="s">
        <v>281</v>
      </c>
      <c r="H5" s="15" t="s">
        <v>282</v>
      </c>
      <c r="I5" s="15" t="s">
        <v>283</v>
      </c>
      <c r="J5" s="15" t="s">
        <v>284</v>
      </c>
      <c r="K5" s="15" t="s">
        <v>285</v>
      </c>
      <c r="L5" s="15" t="s">
        <v>286</v>
      </c>
      <c r="M5" s="15" t="s">
        <v>287</v>
      </c>
      <c r="N5" s="15" t="s">
        <v>288</v>
      </c>
      <c r="O5" s="15" t="s">
        <v>289</v>
      </c>
      <c r="P5" s="15" t="s">
        <v>290</v>
      </c>
      <c r="Q5" s="15" t="s">
        <v>291</v>
      </c>
      <c r="R5" s="15" t="s">
        <v>292</v>
      </c>
      <c r="S5" s="15"/>
      <c r="T5" s="15" t="s">
        <v>63</v>
      </c>
      <c r="U5" s="15" t="s">
        <v>64</v>
      </c>
      <c r="V5" s="15" t="s">
        <v>65</v>
      </c>
    </row>
    <row r="6" spans="1:22" ht="30" customHeight="1">
      <c r="A6" s="45"/>
      <c r="B6" s="24" t="s">
        <v>1</v>
      </c>
      <c r="C6" s="15" t="s">
        <v>66</v>
      </c>
      <c r="D6" s="15" t="s">
        <v>293</v>
      </c>
      <c r="E6" s="15" t="s">
        <v>294</v>
      </c>
      <c r="F6" s="15" t="s">
        <v>295</v>
      </c>
      <c r="G6" s="15" t="s">
        <v>296</v>
      </c>
      <c r="H6" s="15" t="s">
        <v>297</v>
      </c>
      <c r="I6" s="15" t="s">
        <v>298</v>
      </c>
      <c r="J6" s="15" t="s">
        <v>299</v>
      </c>
      <c r="K6" s="15" t="s">
        <v>300</v>
      </c>
      <c r="L6" s="15" t="s">
        <v>301</v>
      </c>
      <c r="M6" s="15" t="s">
        <v>302</v>
      </c>
      <c r="N6" s="15" t="s">
        <v>303</v>
      </c>
      <c r="O6" s="15" t="s">
        <v>304</v>
      </c>
      <c r="P6" s="15" t="s">
        <v>305</v>
      </c>
      <c r="Q6" s="15" t="s">
        <v>306</v>
      </c>
      <c r="R6" s="15" t="s">
        <v>307</v>
      </c>
      <c r="S6" s="15"/>
      <c r="T6" s="15" t="s">
        <v>67</v>
      </c>
      <c r="U6" s="15" t="s">
        <v>68</v>
      </c>
      <c r="V6" s="15" t="s">
        <v>69</v>
      </c>
    </row>
    <row r="7" spans="1:22" ht="30" customHeight="1">
      <c r="A7" s="45"/>
      <c r="B7" s="24" t="s">
        <v>2</v>
      </c>
      <c r="C7" s="15" t="s">
        <v>70</v>
      </c>
      <c r="D7" s="15" t="s">
        <v>308</v>
      </c>
      <c r="E7" s="15" t="s">
        <v>309</v>
      </c>
      <c r="F7" s="15" t="s">
        <v>310</v>
      </c>
      <c r="G7" s="15" t="s">
        <v>311</v>
      </c>
      <c r="H7" s="15" t="s">
        <v>312</v>
      </c>
      <c r="I7" s="15" t="s">
        <v>313</v>
      </c>
      <c r="J7" s="15" t="s">
        <v>314</v>
      </c>
      <c r="K7" s="15" t="s">
        <v>315</v>
      </c>
      <c r="L7" s="15" t="s">
        <v>316</v>
      </c>
      <c r="M7" s="15" t="s">
        <v>317</v>
      </c>
      <c r="N7" s="15" t="s">
        <v>318</v>
      </c>
      <c r="O7" s="15" t="s">
        <v>319</v>
      </c>
      <c r="P7" s="15" t="s">
        <v>320</v>
      </c>
      <c r="Q7" s="15" t="s">
        <v>321</v>
      </c>
      <c r="R7" s="15" t="s">
        <v>322</v>
      </c>
      <c r="S7" s="15"/>
      <c r="T7" s="15" t="s">
        <v>71</v>
      </c>
      <c r="U7" s="15" t="s">
        <v>72</v>
      </c>
      <c r="V7" s="15" t="s">
        <v>73</v>
      </c>
    </row>
    <row r="8" spans="1:22" ht="30" customHeight="1">
      <c r="A8" s="45"/>
      <c r="B8" s="24" t="s">
        <v>23</v>
      </c>
      <c r="C8" s="15" t="s">
        <v>74</v>
      </c>
      <c r="D8" s="15" t="s">
        <v>323</v>
      </c>
      <c r="E8" s="15" t="s">
        <v>324</v>
      </c>
      <c r="F8" s="15" t="s">
        <v>325</v>
      </c>
      <c r="G8" s="15" t="s">
        <v>326</v>
      </c>
      <c r="H8" s="15" t="s">
        <v>327</v>
      </c>
      <c r="I8" s="15" t="s">
        <v>328</v>
      </c>
      <c r="J8" s="15" t="s">
        <v>329</v>
      </c>
      <c r="K8" s="15" t="s">
        <v>330</v>
      </c>
      <c r="L8" s="15" t="s">
        <v>331</v>
      </c>
      <c r="M8" s="15" t="s">
        <v>332</v>
      </c>
      <c r="N8" s="15" t="s">
        <v>333</v>
      </c>
      <c r="O8" s="15" t="s">
        <v>334</v>
      </c>
      <c r="P8" s="15" t="s">
        <v>335</v>
      </c>
      <c r="Q8" s="15" t="s">
        <v>336</v>
      </c>
      <c r="R8" s="15" t="s">
        <v>337</v>
      </c>
      <c r="S8" s="15"/>
      <c r="T8" s="15" t="s">
        <v>75</v>
      </c>
      <c r="U8" s="15" t="s">
        <v>338</v>
      </c>
      <c r="V8" s="15" t="s">
        <v>339</v>
      </c>
    </row>
    <row r="9" spans="1:22" ht="30" customHeight="1">
      <c r="A9" s="46" t="s">
        <v>14</v>
      </c>
      <c r="B9" s="24" t="s">
        <v>4</v>
      </c>
      <c r="C9" s="25"/>
      <c r="D9" s="15" t="s">
        <v>76</v>
      </c>
      <c r="E9" s="15"/>
      <c r="F9" s="15"/>
      <c r="G9" s="15"/>
      <c r="H9" s="15"/>
      <c r="I9" s="15"/>
      <c r="J9" s="15" t="s">
        <v>77</v>
      </c>
      <c r="K9" s="15" t="s">
        <v>340</v>
      </c>
      <c r="L9" s="15" t="s">
        <v>341</v>
      </c>
      <c r="M9" s="15"/>
      <c r="N9" s="15" t="s">
        <v>78</v>
      </c>
      <c r="O9" s="15" t="s">
        <v>342</v>
      </c>
      <c r="P9" s="15" t="s">
        <v>343</v>
      </c>
      <c r="Q9" s="15" t="s">
        <v>344</v>
      </c>
      <c r="R9" s="15" t="s">
        <v>345</v>
      </c>
      <c r="S9" s="15" t="s">
        <v>346</v>
      </c>
      <c r="T9" s="15" t="s">
        <v>347</v>
      </c>
      <c r="U9" s="15" t="s">
        <v>348</v>
      </c>
      <c r="V9" s="15" t="s">
        <v>349</v>
      </c>
    </row>
    <row r="10" spans="1:22" ht="30" customHeight="1">
      <c r="A10" s="46"/>
      <c r="B10" s="26" t="s">
        <v>3</v>
      </c>
      <c r="C10" s="42"/>
      <c r="D10" s="25"/>
      <c r="E10" s="16"/>
      <c r="F10" s="16"/>
      <c r="G10" s="16"/>
      <c r="H10" s="16"/>
      <c r="I10" s="16"/>
      <c r="J10" s="16" t="s">
        <v>79</v>
      </c>
      <c r="K10" s="16" t="s">
        <v>350</v>
      </c>
      <c r="L10" s="16" t="s">
        <v>351</v>
      </c>
      <c r="M10" s="16"/>
      <c r="N10" s="16" t="s">
        <v>80</v>
      </c>
      <c r="O10" s="16" t="s">
        <v>352</v>
      </c>
      <c r="P10" s="16" t="s">
        <v>353</v>
      </c>
      <c r="Q10" s="16" t="s">
        <v>354</v>
      </c>
      <c r="R10" s="16" t="s">
        <v>355</v>
      </c>
      <c r="S10" s="16" t="s">
        <v>356</v>
      </c>
      <c r="T10" s="16" t="s">
        <v>357</v>
      </c>
      <c r="U10" s="16" t="s">
        <v>358</v>
      </c>
      <c r="V10" s="16" t="s">
        <v>359</v>
      </c>
    </row>
    <row r="11" spans="1:22" ht="30" customHeight="1">
      <c r="A11" s="45" t="s">
        <v>15</v>
      </c>
      <c r="B11" s="26" t="s">
        <v>21</v>
      </c>
      <c r="C11" s="42"/>
      <c r="D11" s="42"/>
      <c r="E11" s="25"/>
      <c r="F11" s="16" t="s">
        <v>81</v>
      </c>
      <c r="G11" s="16" t="s">
        <v>360</v>
      </c>
      <c r="H11" s="16" t="s">
        <v>361</v>
      </c>
      <c r="I11" s="16" t="s">
        <v>362</v>
      </c>
      <c r="J11" s="16" t="s">
        <v>363</v>
      </c>
      <c r="K11" s="16" t="s">
        <v>364</v>
      </c>
      <c r="L11" s="16" t="s">
        <v>365</v>
      </c>
      <c r="M11" s="16" t="s">
        <v>366</v>
      </c>
      <c r="N11" s="16" t="s">
        <v>367</v>
      </c>
      <c r="O11" s="16" t="s">
        <v>368</v>
      </c>
      <c r="P11" s="16" t="s">
        <v>369</v>
      </c>
      <c r="Q11" s="16" t="s">
        <v>370</v>
      </c>
      <c r="R11" s="16" t="s">
        <v>371</v>
      </c>
      <c r="S11" s="16" t="s">
        <v>372</v>
      </c>
      <c r="T11" s="16" t="s">
        <v>373</v>
      </c>
      <c r="U11" s="16" t="s">
        <v>374</v>
      </c>
      <c r="V11" s="16" t="s">
        <v>375</v>
      </c>
    </row>
    <row r="12" spans="1:22" ht="30" customHeight="1">
      <c r="A12" s="45"/>
      <c r="B12" s="24" t="s">
        <v>5</v>
      </c>
      <c r="C12" s="42"/>
      <c r="D12" s="42"/>
      <c r="E12" s="42"/>
      <c r="F12" s="25"/>
      <c r="G12" s="16" t="s">
        <v>82</v>
      </c>
      <c r="H12" s="16" t="s">
        <v>376</v>
      </c>
      <c r="I12" s="16" t="s">
        <v>377</v>
      </c>
      <c r="J12" s="16" t="s">
        <v>378</v>
      </c>
      <c r="K12" s="16" t="s">
        <v>379</v>
      </c>
      <c r="L12" s="16" t="s">
        <v>380</v>
      </c>
      <c r="M12" s="16" t="s">
        <v>381</v>
      </c>
      <c r="N12" s="16" t="s">
        <v>382</v>
      </c>
      <c r="O12" s="16" t="s">
        <v>383</v>
      </c>
      <c r="P12" s="16" t="s">
        <v>384</v>
      </c>
      <c r="Q12" s="16" t="s">
        <v>385</v>
      </c>
      <c r="R12" s="16" t="s">
        <v>386</v>
      </c>
      <c r="S12" s="16" t="s">
        <v>387</v>
      </c>
      <c r="T12" s="16" t="s">
        <v>388</v>
      </c>
      <c r="U12" s="16" t="s">
        <v>389</v>
      </c>
      <c r="V12" s="16" t="s">
        <v>390</v>
      </c>
    </row>
    <row r="13" spans="1:22" ht="30" customHeight="1">
      <c r="A13" s="45"/>
      <c r="B13" s="24" t="s">
        <v>514</v>
      </c>
      <c r="C13" s="42"/>
      <c r="D13" s="42"/>
      <c r="E13" s="42"/>
      <c r="F13" s="42"/>
      <c r="G13" s="25"/>
      <c r="H13" s="16" t="s">
        <v>83</v>
      </c>
      <c r="I13" s="16" t="s">
        <v>391</v>
      </c>
      <c r="J13" s="16" t="s">
        <v>392</v>
      </c>
      <c r="K13" s="16" t="s">
        <v>393</v>
      </c>
      <c r="L13" s="16" t="s">
        <v>394</v>
      </c>
      <c r="M13" s="16" t="s">
        <v>395</v>
      </c>
      <c r="N13" s="16" t="s">
        <v>396</v>
      </c>
      <c r="O13" s="16" t="s">
        <v>397</v>
      </c>
      <c r="P13" s="16" t="s">
        <v>398</v>
      </c>
      <c r="Q13" s="16" t="s">
        <v>399</v>
      </c>
      <c r="R13" s="16" t="s">
        <v>400</v>
      </c>
      <c r="S13" s="16" t="s">
        <v>401</v>
      </c>
      <c r="T13" s="16" t="s">
        <v>402</v>
      </c>
      <c r="U13" s="16" t="s">
        <v>403</v>
      </c>
      <c r="V13" s="16" t="s">
        <v>404</v>
      </c>
    </row>
    <row r="14" spans="1:22" ht="30" customHeight="1">
      <c r="A14" s="45"/>
      <c r="B14" s="24" t="s">
        <v>11</v>
      </c>
      <c r="C14" s="42"/>
      <c r="D14" s="42"/>
      <c r="E14" s="42"/>
      <c r="F14" s="42"/>
      <c r="G14" s="42"/>
      <c r="H14" s="25"/>
      <c r="I14" s="16" t="s">
        <v>84</v>
      </c>
      <c r="J14" s="16" t="s">
        <v>405</v>
      </c>
      <c r="K14" s="16" t="s">
        <v>406</v>
      </c>
      <c r="L14" s="16" t="s">
        <v>407</v>
      </c>
      <c r="M14" s="16" t="s">
        <v>408</v>
      </c>
      <c r="N14" s="16" t="s">
        <v>409</v>
      </c>
      <c r="O14" s="16" t="s">
        <v>410</v>
      </c>
      <c r="P14" s="16" t="s">
        <v>411</v>
      </c>
      <c r="Q14" s="16" t="s">
        <v>412</v>
      </c>
      <c r="R14" s="16" t="s">
        <v>413</v>
      </c>
      <c r="S14" s="16" t="s">
        <v>414</v>
      </c>
      <c r="T14" s="16" t="s">
        <v>415</v>
      </c>
      <c r="U14" s="16" t="s">
        <v>416</v>
      </c>
      <c r="V14" s="16" t="s">
        <v>417</v>
      </c>
    </row>
    <row r="15" spans="1:22" ht="30" customHeight="1">
      <c r="A15" s="45"/>
      <c r="B15" s="24" t="s">
        <v>515</v>
      </c>
      <c r="C15" s="42"/>
      <c r="D15" s="42"/>
      <c r="E15" s="42"/>
      <c r="F15" s="42"/>
      <c r="G15" s="42"/>
      <c r="H15" s="42"/>
      <c r="I15" s="25"/>
      <c r="J15" s="16" t="s">
        <v>85</v>
      </c>
      <c r="K15" s="16" t="s">
        <v>418</v>
      </c>
      <c r="L15" s="16" t="s">
        <v>419</v>
      </c>
      <c r="M15" s="16" t="s">
        <v>420</v>
      </c>
      <c r="N15" s="16" t="s">
        <v>421</v>
      </c>
      <c r="O15" s="16" t="s">
        <v>422</v>
      </c>
      <c r="P15" s="16" t="s">
        <v>423</v>
      </c>
      <c r="Q15" s="16" t="s">
        <v>424</v>
      </c>
      <c r="R15" s="16" t="s">
        <v>425</v>
      </c>
      <c r="S15" s="16" t="s">
        <v>426</v>
      </c>
      <c r="T15" s="16" t="s">
        <v>427</v>
      </c>
      <c r="U15" s="16" t="s">
        <v>428</v>
      </c>
      <c r="V15" s="16" t="s">
        <v>429</v>
      </c>
    </row>
    <row r="16" spans="1:22" ht="30" customHeight="1">
      <c r="A16" s="45"/>
      <c r="B16" s="24" t="s">
        <v>6</v>
      </c>
      <c r="C16" s="42"/>
      <c r="D16" s="42"/>
      <c r="E16" s="42"/>
      <c r="F16" s="42"/>
      <c r="G16" s="42"/>
      <c r="H16" s="42"/>
      <c r="I16" s="42"/>
      <c r="J16" s="25"/>
      <c r="K16" s="16" t="s">
        <v>86</v>
      </c>
      <c r="L16" s="16" t="s">
        <v>430</v>
      </c>
      <c r="M16" s="16" t="s">
        <v>431</v>
      </c>
      <c r="N16" s="16" t="s">
        <v>432</v>
      </c>
      <c r="O16" s="16" t="s">
        <v>433</v>
      </c>
      <c r="P16" s="16" t="s">
        <v>434</v>
      </c>
      <c r="Q16" s="16" t="s">
        <v>435</v>
      </c>
      <c r="R16" s="16" t="s">
        <v>436</v>
      </c>
      <c r="S16" s="16" t="s">
        <v>437</v>
      </c>
      <c r="T16" s="16" t="s">
        <v>438</v>
      </c>
      <c r="U16" s="16" t="s">
        <v>439</v>
      </c>
      <c r="V16" s="16" t="s">
        <v>440</v>
      </c>
    </row>
    <row r="17" spans="1:22" ht="30" customHeight="1">
      <c r="A17" s="45"/>
      <c r="B17" s="24" t="s">
        <v>516</v>
      </c>
      <c r="C17" s="42"/>
      <c r="D17" s="42"/>
      <c r="E17" s="42"/>
      <c r="F17" s="42"/>
      <c r="G17" s="42"/>
      <c r="H17" s="42"/>
      <c r="I17" s="42"/>
      <c r="J17" s="42"/>
      <c r="K17" s="25"/>
      <c r="L17" s="16" t="s">
        <v>87</v>
      </c>
      <c r="M17" s="16" t="s">
        <v>441</v>
      </c>
      <c r="N17" s="16" t="s">
        <v>442</v>
      </c>
      <c r="O17" s="16" t="s">
        <v>443</v>
      </c>
      <c r="P17" s="16" t="s">
        <v>444</v>
      </c>
      <c r="Q17" s="16" t="s">
        <v>445</v>
      </c>
      <c r="R17" s="16" t="s">
        <v>446</v>
      </c>
      <c r="S17" s="16" t="s">
        <v>447</v>
      </c>
      <c r="T17" s="16" t="s">
        <v>448</v>
      </c>
      <c r="U17" s="16" t="s">
        <v>449</v>
      </c>
      <c r="V17" s="16" t="s">
        <v>450</v>
      </c>
    </row>
    <row r="18" spans="1:22" ht="30" customHeight="1">
      <c r="A18" s="45"/>
      <c r="B18" s="24" t="s">
        <v>17</v>
      </c>
      <c r="C18" s="42"/>
      <c r="D18" s="42"/>
      <c r="E18" s="42"/>
      <c r="F18" s="42"/>
      <c r="G18" s="42"/>
      <c r="H18" s="42"/>
      <c r="I18" s="42"/>
      <c r="J18" s="42"/>
      <c r="K18" s="42"/>
      <c r="L18" s="25"/>
      <c r="M18" s="16" t="s">
        <v>88</v>
      </c>
      <c r="N18" s="16" t="s">
        <v>451</v>
      </c>
      <c r="O18" s="16" t="s">
        <v>452</v>
      </c>
      <c r="P18" s="16" t="s">
        <v>453</v>
      </c>
      <c r="Q18" s="16" t="s">
        <v>454</v>
      </c>
      <c r="R18" s="16" t="s">
        <v>455</v>
      </c>
      <c r="S18" s="16" t="s">
        <v>456</v>
      </c>
      <c r="T18" s="16" t="s">
        <v>457</v>
      </c>
      <c r="U18" s="16" t="s">
        <v>458</v>
      </c>
      <c r="V18" s="16" t="s">
        <v>459</v>
      </c>
    </row>
    <row r="19" spans="1:22" ht="30" customHeight="1">
      <c r="A19" s="45"/>
      <c r="B19" s="24" t="s">
        <v>18</v>
      </c>
      <c r="C19" s="42"/>
      <c r="D19" s="42"/>
      <c r="E19" s="42"/>
      <c r="F19" s="42"/>
      <c r="G19" s="42"/>
      <c r="H19" s="42"/>
      <c r="I19" s="42"/>
      <c r="J19" s="42"/>
      <c r="K19" s="42"/>
      <c r="L19" s="42"/>
      <c r="M19" s="25"/>
      <c r="N19" s="16" t="s">
        <v>89</v>
      </c>
      <c r="O19" s="16" t="s">
        <v>460</v>
      </c>
      <c r="P19" s="16" t="s">
        <v>461</v>
      </c>
      <c r="Q19" s="16" t="s">
        <v>462</v>
      </c>
      <c r="R19" s="16" t="s">
        <v>463</v>
      </c>
      <c r="S19" s="16" t="s">
        <v>464</v>
      </c>
      <c r="T19" s="16" t="s">
        <v>465</v>
      </c>
      <c r="U19" s="16" t="s">
        <v>466</v>
      </c>
      <c r="V19" s="16" t="s">
        <v>467</v>
      </c>
    </row>
    <row r="20" spans="1:22" ht="30" customHeight="1">
      <c r="A20" s="45"/>
      <c r="B20" s="24" t="s">
        <v>7</v>
      </c>
      <c r="C20" s="42"/>
      <c r="D20" s="42"/>
      <c r="E20" s="42"/>
      <c r="F20" s="42"/>
      <c r="G20" s="42"/>
      <c r="H20" s="42"/>
      <c r="I20" s="42"/>
      <c r="J20" s="42"/>
      <c r="K20" s="42"/>
      <c r="L20" s="42"/>
      <c r="M20" s="42"/>
      <c r="N20" s="25"/>
      <c r="O20" s="16" t="s">
        <v>90</v>
      </c>
      <c r="P20" s="16" t="s">
        <v>468</v>
      </c>
      <c r="Q20" s="16" t="s">
        <v>469</v>
      </c>
      <c r="R20" s="16" t="s">
        <v>470</v>
      </c>
      <c r="S20" s="16" t="s">
        <v>471</v>
      </c>
      <c r="T20" s="16" t="s">
        <v>472</v>
      </c>
      <c r="U20" s="16" t="s">
        <v>473</v>
      </c>
      <c r="V20" s="16" t="s">
        <v>474</v>
      </c>
    </row>
    <row r="21" spans="1:22" ht="30" customHeight="1">
      <c r="A21" s="45"/>
      <c r="B21" s="26" t="s">
        <v>24</v>
      </c>
      <c r="C21" s="42"/>
      <c r="D21" s="42"/>
      <c r="E21" s="42"/>
      <c r="F21" s="42"/>
      <c r="G21" s="42"/>
      <c r="H21" s="42"/>
      <c r="I21" s="42"/>
      <c r="J21" s="42"/>
      <c r="K21" s="42"/>
      <c r="L21" s="42"/>
      <c r="M21" s="42"/>
      <c r="N21" s="42"/>
      <c r="O21" s="25"/>
      <c r="P21" s="16" t="s">
        <v>91</v>
      </c>
      <c r="Q21" s="16" t="s">
        <v>475</v>
      </c>
      <c r="R21" s="16" t="s">
        <v>476</v>
      </c>
      <c r="S21" s="16" t="s">
        <v>477</v>
      </c>
      <c r="T21" s="16" t="s">
        <v>478</v>
      </c>
      <c r="U21" s="16" t="s">
        <v>479</v>
      </c>
      <c r="V21" s="16" t="s">
        <v>480</v>
      </c>
    </row>
    <row r="22" spans="1:22" ht="30" customHeight="1">
      <c r="A22" s="45"/>
      <c r="B22" s="24" t="s">
        <v>8</v>
      </c>
      <c r="C22" s="42"/>
      <c r="D22" s="42"/>
      <c r="E22" s="42"/>
      <c r="F22" s="42"/>
      <c r="G22" s="42"/>
      <c r="H22" s="42"/>
      <c r="I22" s="42"/>
      <c r="J22" s="42"/>
      <c r="K22" s="42"/>
      <c r="L22" s="42"/>
      <c r="M22" s="42"/>
      <c r="N22" s="42"/>
      <c r="O22" s="42"/>
      <c r="P22" s="25"/>
      <c r="Q22" s="16" t="s">
        <v>92</v>
      </c>
      <c r="R22" s="16" t="s">
        <v>481</v>
      </c>
      <c r="S22" s="16" t="s">
        <v>482</v>
      </c>
      <c r="T22" s="16" t="s">
        <v>483</v>
      </c>
      <c r="U22" s="16" t="s">
        <v>484</v>
      </c>
      <c r="V22" s="16" t="s">
        <v>485</v>
      </c>
    </row>
    <row r="23" spans="1:22" ht="30" customHeight="1">
      <c r="A23" s="45"/>
      <c r="B23" s="24" t="s">
        <v>10</v>
      </c>
      <c r="C23" s="42"/>
      <c r="D23" s="42"/>
      <c r="E23" s="42"/>
      <c r="F23" s="42"/>
      <c r="G23" s="42"/>
      <c r="H23" s="42"/>
      <c r="I23" s="42"/>
      <c r="J23" s="42"/>
      <c r="K23" s="42"/>
      <c r="L23" s="42"/>
      <c r="M23" s="42"/>
      <c r="N23" s="42"/>
      <c r="O23" s="42"/>
      <c r="P23" s="42"/>
      <c r="Q23" s="25"/>
      <c r="R23" s="16" t="s">
        <v>93</v>
      </c>
      <c r="S23" s="16" t="s">
        <v>486</v>
      </c>
      <c r="T23" s="16" t="s">
        <v>487</v>
      </c>
      <c r="U23" s="16" t="s">
        <v>488</v>
      </c>
      <c r="V23" s="16" t="s">
        <v>489</v>
      </c>
    </row>
    <row r="24" spans="1:22" ht="30" customHeight="1">
      <c r="A24" s="45"/>
      <c r="B24" s="24" t="s">
        <v>9</v>
      </c>
      <c r="C24" s="42"/>
      <c r="D24" s="42"/>
      <c r="E24" s="42"/>
      <c r="F24" s="42"/>
      <c r="G24" s="42"/>
      <c r="H24" s="42"/>
      <c r="I24" s="42"/>
      <c r="J24" s="42"/>
      <c r="K24" s="42"/>
      <c r="L24" s="42"/>
      <c r="M24" s="42"/>
      <c r="N24" s="42"/>
      <c r="O24" s="42"/>
      <c r="P24" s="42"/>
      <c r="Q24" s="42"/>
      <c r="R24" s="25"/>
      <c r="S24" s="16" t="s">
        <v>108</v>
      </c>
      <c r="T24" s="16" t="s">
        <v>490</v>
      </c>
      <c r="U24" s="16" t="s">
        <v>491</v>
      </c>
      <c r="V24" s="16" t="s">
        <v>492</v>
      </c>
    </row>
    <row r="25" spans="1:22" ht="30" customHeight="1">
      <c r="A25" s="45"/>
      <c r="B25" s="24" t="s">
        <v>22</v>
      </c>
      <c r="C25" s="42"/>
      <c r="D25" s="42"/>
      <c r="E25" s="42"/>
      <c r="F25" s="42"/>
      <c r="G25" s="42"/>
      <c r="H25" s="42"/>
      <c r="I25" s="42"/>
      <c r="J25" s="42"/>
      <c r="K25" s="42"/>
      <c r="L25" s="42"/>
      <c r="M25" s="42"/>
      <c r="N25" s="42"/>
      <c r="O25" s="42"/>
      <c r="P25" s="42"/>
      <c r="Q25" s="42"/>
      <c r="R25" s="42"/>
      <c r="S25" s="25"/>
      <c r="T25" s="16" t="s">
        <v>109</v>
      </c>
      <c r="U25" s="16" t="s">
        <v>493</v>
      </c>
      <c r="V25" s="16" t="s">
        <v>494</v>
      </c>
    </row>
    <row r="26" spans="1:22" ht="30" customHeight="1">
      <c r="A26" s="45"/>
      <c r="B26" s="24" t="s">
        <v>19</v>
      </c>
      <c r="C26" s="43"/>
      <c r="D26" s="43"/>
      <c r="E26" s="43"/>
      <c r="F26" s="43"/>
      <c r="G26" s="43"/>
      <c r="H26" s="43"/>
      <c r="I26" s="43"/>
      <c r="J26" s="43"/>
      <c r="K26" s="43"/>
      <c r="L26" s="43"/>
      <c r="M26" s="43"/>
      <c r="N26" s="43"/>
      <c r="O26" s="43"/>
      <c r="P26" s="43"/>
      <c r="Q26" s="43"/>
      <c r="R26" s="42"/>
      <c r="S26" s="42"/>
      <c r="T26" s="25"/>
      <c r="U26" s="16" t="s">
        <v>495</v>
      </c>
      <c r="V26" s="16" t="s">
        <v>496</v>
      </c>
    </row>
    <row r="27" spans="1:22" ht="45" customHeight="1">
      <c r="A27" s="40" t="s">
        <v>810</v>
      </c>
      <c r="B27" s="24" t="s">
        <v>12</v>
      </c>
      <c r="C27" s="42"/>
      <c r="D27" s="42"/>
      <c r="E27" s="42"/>
      <c r="F27" s="42"/>
      <c r="G27" s="42"/>
      <c r="H27" s="42"/>
      <c r="I27" s="42"/>
      <c r="J27" s="42"/>
      <c r="K27" s="42"/>
      <c r="L27" s="42"/>
      <c r="M27" s="42"/>
      <c r="N27" s="42"/>
      <c r="O27" s="42"/>
      <c r="P27" s="42"/>
      <c r="Q27" s="42"/>
      <c r="R27" s="42"/>
      <c r="S27" s="42"/>
      <c r="T27" s="42"/>
      <c r="U27" s="25"/>
      <c r="V27" s="16" t="s">
        <v>497</v>
      </c>
    </row>
  </sheetData>
  <mergeCells count="7">
    <mergeCell ref="U2:V2"/>
    <mergeCell ref="A4:A8"/>
    <mergeCell ref="A9:A10"/>
    <mergeCell ref="A11:A26"/>
    <mergeCell ref="A2:B3"/>
    <mergeCell ref="E2:T2"/>
    <mergeCell ref="C2:D2"/>
  </mergeCells>
  <phoneticPr fontId="1"/>
  <printOptions horizontalCentered="1" verticalCentered="1"/>
  <pageMargins left="0.59055118110236227" right="0.59055118110236227" top="0.59055118110236227" bottom="0.59055118110236227" header="0.51181102362204722" footer="0.51181102362204722"/>
  <pageSetup paperSize="8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22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26</v>
      </c>
      <c r="B3" s="53" t="s">
        <v>519</v>
      </c>
      <c r="C3" s="53"/>
      <c r="D3" s="53"/>
      <c r="E3" s="53"/>
      <c r="F3" s="53"/>
      <c r="G3" s="2"/>
    </row>
    <row r="4" spans="1:15">
      <c r="A4" s="60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15">
      <c r="A5" s="56" t="s">
        <v>30</v>
      </c>
      <c r="B5" s="4">
        <v>626</v>
      </c>
      <c r="C5" s="4">
        <v>607</v>
      </c>
      <c r="D5" s="4">
        <v>90</v>
      </c>
      <c r="E5" s="4">
        <v>39</v>
      </c>
      <c r="F5" s="4">
        <v>1362</v>
      </c>
    </row>
    <row r="6" spans="1:15">
      <c r="A6" s="61"/>
      <c r="B6" s="5">
        <v>0.46</v>
      </c>
      <c r="C6" s="5">
        <v>0.44600000000000001</v>
      </c>
      <c r="D6" s="5">
        <v>6.6000000000000003E-2</v>
      </c>
      <c r="E6" s="5">
        <v>2.9000000000000001E-2</v>
      </c>
      <c r="F6" s="5">
        <v>1</v>
      </c>
    </row>
    <row r="7" spans="1:15">
      <c r="A7" s="56" t="s">
        <v>31</v>
      </c>
      <c r="B7" s="6">
        <v>345</v>
      </c>
      <c r="C7" s="6">
        <v>340</v>
      </c>
      <c r="D7" s="6">
        <v>39</v>
      </c>
      <c r="E7" s="6">
        <v>19</v>
      </c>
      <c r="F7" s="4">
        <v>743</v>
      </c>
      <c r="K7" s="9"/>
      <c r="L7" s="9"/>
      <c r="M7" s="9"/>
      <c r="N7" s="9"/>
      <c r="O7" s="9"/>
    </row>
    <row r="8" spans="1:15">
      <c r="A8" s="57"/>
      <c r="B8" s="5">
        <v>0.46400000000000002</v>
      </c>
      <c r="C8" s="5">
        <v>0.45800000000000002</v>
      </c>
      <c r="D8" s="5">
        <v>5.1999999999999998E-2</v>
      </c>
      <c r="E8" s="5">
        <v>2.5999999999999999E-2</v>
      </c>
      <c r="F8" s="5">
        <v>1</v>
      </c>
    </row>
    <row r="9" spans="1:15">
      <c r="A9" s="56" t="s">
        <v>32</v>
      </c>
      <c r="B9" s="6">
        <v>106</v>
      </c>
      <c r="C9" s="6">
        <v>105</v>
      </c>
      <c r="D9" s="6">
        <v>15</v>
      </c>
      <c r="E9" s="6">
        <v>5</v>
      </c>
      <c r="F9" s="6">
        <v>231</v>
      </c>
      <c r="K9" s="9"/>
      <c r="L9" s="9"/>
      <c r="M9" s="9"/>
      <c r="N9" s="9"/>
      <c r="O9" s="9"/>
    </row>
    <row r="10" spans="1:15">
      <c r="A10" s="57"/>
      <c r="B10" s="5">
        <v>0.45900000000000002</v>
      </c>
      <c r="C10" s="5">
        <v>0.45500000000000002</v>
      </c>
      <c r="D10" s="5">
        <v>6.5000000000000002E-2</v>
      </c>
      <c r="E10" s="5">
        <v>2.1999999999999999E-2</v>
      </c>
      <c r="F10" s="5">
        <v>1</v>
      </c>
    </row>
    <row r="11" spans="1:15" ht="14.25" customHeight="1">
      <c r="A11" s="58" t="s">
        <v>38</v>
      </c>
      <c r="B11" s="6">
        <v>70</v>
      </c>
      <c r="C11" s="6">
        <v>94</v>
      </c>
      <c r="D11" s="6">
        <v>24</v>
      </c>
      <c r="E11" s="6">
        <v>6</v>
      </c>
      <c r="F11" s="6">
        <v>194</v>
      </c>
      <c r="K11" s="9"/>
      <c r="L11" s="9"/>
      <c r="M11" s="9"/>
      <c r="N11" s="9"/>
      <c r="O11" s="9"/>
    </row>
    <row r="12" spans="1:15">
      <c r="A12" s="59"/>
      <c r="B12" s="5">
        <v>0.36099999999999999</v>
      </c>
      <c r="C12" s="5">
        <v>0.48499999999999999</v>
      </c>
      <c r="D12" s="5">
        <v>0.124</v>
      </c>
      <c r="E12" s="5">
        <v>3.1E-2</v>
      </c>
      <c r="F12" s="5">
        <v>1</v>
      </c>
    </row>
    <row r="13" spans="1:15">
      <c r="A13" s="56" t="s">
        <v>33</v>
      </c>
      <c r="B13" s="6">
        <v>117</v>
      </c>
      <c r="C13" s="6">
        <v>129</v>
      </c>
      <c r="D13" s="6">
        <v>32</v>
      </c>
      <c r="E13" s="6">
        <v>9</v>
      </c>
      <c r="F13" s="6">
        <v>287</v>
      </c>
      <c r="K13" s="9"/>
      <c r="L13" s="9"/>
      <c r="M13" s="9"/>
      <c r="N13" s="9"/>
      <c r="O13" s="9"/>
    </row>
    <row r="14" spans="1:15">
      <c r="A14" s="57"/>
      <c r="B14" s="5">
        <v>0.40799999999999997</v>
      </c>
      <c r="C14" s="5">
        <v>0.44900000000000001</v>
      </c>
      <c r="D14" s="5">
        <v>0.111</v>
      </c>
      <c r="E14" s="5">
        <v>3.1E-2</v>
      </c>
      <c r="F14" s="5">
        <v>1</v>
      </c>
    </row>
    <row r="15" spans="1:15">
      <c r="A15" s="56" t="s">
        <v>34</v>
      </c>
      <c r="B15" s="6">
        <v>109</v>
      </c>
      <c r="C15" s="6">
        <v>115</v>
      </c>
      <c r="D15" s="6">
        <v>12</v>
      </c>
      <c r="E15" s="6">
        <v>6</v>
      </c>
      <c r="F15" s="6">
        <v>242</v>
      </c>
      <c r="K15" s="9"/>
      <c r="L15" s="9"/>
      <c r="M15" s="9"/>
      <c r="N15" s="9"/>
      <c r="O15" s="9"/>
    </row>
    <row r="16" spans="1:15">
      <c r="A16" s="57"/>
      <c r="B16" s="5">
        <v>0.45</v>
      </c>
      <c r="C16" s="5">
        <v>0.47499999999999998</v>
      </c>
      <c r="D16" s="5">
        <v>0.05</v>
      </c>
      <c r="E16" s="5">
        <v>2.5000000000000001E-2</v>
      </c>
      <c r="F16" s="5">
        <v>1</v>
      </c>
    </row>
    <row r="17" spans="1:15">
      <c r="A17" s="56" t="s">
        <v>35</v>
      </c>
      <c r="B17" s="6">
        <v>151</v>
      </c>
      <c r="C17" s="6">
        <v>165</v>
      </c>
      <c r="D17" s="6">
        <v>33</v>
      </c>
      <c r="E17" s="6">
        <v>13</v>
      </c>
      <c r="F17" s="6">
        <v>362</v>
      </c>
      <c r="K17" s="9"/>
      <c r="L17" s="9"/>
      <c r="M17" s="9"/>
      <c r="N17" s="9"/>
      <c r="O17" s="9"/>
    </row>
    <row r="18" spans="1:15">
      <c r="A18" s="57"/>
      <c r="B18" s="5">
        <v>0.41699999999999998</v>
      </c>
      <c r="C18" s="5">
        <v>0.45600000000000002</v>
      </c>
      <c r="D18" s="5">
        <v>9.0999999999999998E-2</v>
      </c>
      <c r="E18" s="5">
        <v>3.5999999999999997E-2</v>
      </c>
      <c r="F18" s="5">
        <v>1</v>
      </c>
    </row>
    <row r="19" spans="1:15">
      <c r="A19" s="56" t="s">
        <v>36</v>
      </c>
      <c r="B19" s="6">
        <v>67</v>
      </c>
      <c r="C19" s="6">
        <v>70</v>
      </c>
      <c r="D19" s="6">
        <v>11</v>
      </c>
      <c r="E19" s="6">
        <v>3</v>
      </c>
      <c r="F19" s="6">
        <v>151</v>
      </c>
      <c r="K19" s="9"/>
      <c r="L19" s="9"/>
      <c r="M19" s="9"/>
      <c r="N19" s="9"/>
      <c r="O19" s="9"/>
    </row>
    <row r="20" spans="1:15">
      <c r="A20" s="57"/>
      <c r="B20" s="5">
        <v>0.44400000000000001</v>
      </c>
      <c r="C20" s="5">
        <v>0.46400000000000002</v>
      </c>
      <c r="D20" s="5">
        <v>7.2999999999999995E-2</v>
      </c>
      <c r="E20" s="5">
        <v>0.02</v>
      </c>
      <c r="F20" s="5">
        <v>1</v>
      </c>
    </row>
    <row r="21" spans="1:15">
      <c r="A21" s="56" t="s">
        <v>29</v>
      </c>
      <c r="B21" s="4">
        <v>1591</v>
      </c>
      <c r="C21" s="4">
        <v>1625</v>
      </c>
      <c r="D21" s="4">
        <v>256</v>
      </c>
      <c r="E21" s="4">
        <v>100</v>
      </c>
      <c r="F21" s="4">
        <v>3572</v>
      </c>
      <c r="K21" s="9"/>
      <c r="L21" s="9"/>
      <c r="M21" s="9"/>
      <c r="N21" s="9"/>
      <c r="O21" s="9"/>
    </row>
    <row r="22" spans="1:15">
      <c r="A22" s="57"/>
      <c r="B22" s="5">
        <v>0.44500000000000001</v>
      </c>
      <c r="C22" s="5">
        <v>0.45500000000000002</v>
      </c>
      <c r="D22" s="5">
        <v>7.1999999999999995E-2</v>
      </c>
      <c r="E22" s="5">
        <v>2.8000000000000001E-2</v>
      </c>
      <c r="F22" s="5">
        <v>1</v>
      </c>
    </row>
    <row r="23" spans="1:15">
      <c r="A23" s="54" t="s">
        <v>520</v>
      </c>
      <c r="B23" s="54"/>
      <c r="C23" s="54"/>
      <c r="D23" s="54"/>
      <c r="E23" s="54"/>
      <c r="F23" s="54"/>
      <c r="K23" s="9"/>
      <c r="L23" s="9"/>
      <c r="M23" s="9"/>
      <c r="N23" s="9"/>
      <c r="O23" s="9"/>
    </row>
    <row r="24" spans="1:15">
      <c r="A24" s="55"/>
      <c r="B24" s="55"/>
      <c r="C24" s="55"/>
      <c r="D24" s="55"/>
      <c r="E24" s="55"/>
      <c r="F24" s="55"/>
    </row>
  </sheetData>
  <mergeCells count="12">
    <mergeCell ref="A23:F24"/>
    <mergeCell ref="A3:A4"/>
    <mergeCell ref="B3:F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5"/>
  <dimension ref="A1:M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624</v>
      </c>
    </row>
    <row r="2" spans="1:13" ht="14.25" customHeight="1">
      <c r="A2" s="41" t="s">
        <v>812</v>
      </c>
      <c r="C2" s="7"/>
      <c r="D2" s="7"/>
      <c r="E2" s="7"/>
      <c r="F2" s="7"/>
    </row>
    <row r="3" spans="1:13" ht="14.25" customHeight="1">
      <c r="A3" s="78" t="s">
        <v>189</v>
      </c>
      <c r="B3" s="53" t="s">
        <v>111</v>
      </c>
      <c r="C3" s="53"/>
      <c r="D3" s="53"/>
      <c r="E3" s="53"/>
      <c r="F3" s="53"/>
      <c r="G3" s="2"/>
    </row>
    <row r="4" spans="1:13" ht="42.75">
      <c r="A4" s="78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13">
      <c r="A5" s="56" t="s">
        <v>132</v>
      </c>
      <c r="B5" s="4">
        <v>3052</v>
      </c>
      <c r="C5" s="4">
        <v>77</v>
      </c>
      <c r="D5" s="4">
        <v>2</v>
      </c>
      <c r="E5" s="4">
        <v>2</v>
      </c>
      <c r="F5" s="4">
        <v>3133</v>
      </c>
    </row>
    <row r="6" spans="1:13">
      <c r="A6" s="61"/>
      <c r="B6" s="5">
        <v>0.97399999999999998</v>
      </c>
      <c r="C6" s="5">
        <v>2.5000000000000001E-2</v>
      </c>
      <c r="D6" s="5">
        <v>1E-3</v>
      </c>
      <c r="E6" s="5">
        <v>1E-3</v>
      </c>
      <c r="F6" s="5">
        <v>1</v>
      </c>
      <c r="I6" s="9"/>
      <c r="J6" s="9"/>
      <c r="K6" s="9"/>
      <c r="L6" s="9"/>
      <c r="M6" s="9"/>
    </row>
    <row r="7" spans="1:13">
      <c r="A7" s="56" t="s">
        <v>133</v>
      </c>
      <c r="B7" s="6">
        <v>502</v>
      </c>
      <c r="C7" s="6">
        <v>23</v>
      </c>
      <c r="D7" s="6">
        <v>5</v>
      </c>
      <c r="E7" s="6">
        <v>0</v>
      </c>
      <c r="F7" s="4">
        <v>530</v>
      </c>
    </row>
    <row r="8" spans="1:13">
      <c r="A8" s="57"/>
      <c r="B8" s="5">
        <v>0.94699999999999995</v>
      </c>
      <c r="C8" s="5">
        <v>4.2999999999999997E-2</v>
      </c>
      <c r="D8" s="5">
        <v>8.9999999999999993E-3</v>
      </c>
      <c r="E8" s="5">
        <v>0</v>
      </c>
      <c r="F8" s="5">
        <v>1</v>
      </c>
      <c r="I8" s="9"/>
      <c r="J8" s="9"/>
      <c r="K8" s="9"/>
      <c r="L8" s="9"/>
      <c r="M8" s="9"/>
    </row>
    <row r="9" spans="1:13">
      <c r="A9" s="56" t="s">
        <v>171</v>
      </c>
      <c r="B9" s="6">
        <v>18</v>
      </c>
      <c r="C9" s="6">
        <v>4</v>
      </c>
      <c r="D9" s="6">
        <v>0</v>
      </c>
      <c r="E9" s="6">
        <v>0</v>
      </c>
      <c r="F9" s="6">
        <v>22</v>
      </c>
    </row>
    <row r="10" spans="1:13">
      <c r="A10" s="57"/>
      <c r="B10" s="5">
        <v>0.81799999999999995</v>
      </c>
      <c r="C10" s="5">
        <v>0.182</v>
      </c>
      <c r="D10" s="5">
        <v>0</v>
      </c>
      <c r="E10" s="5">
        <v>0</v>
      </c>
      <c r="F10" s="5">
        <v>1</v>
      </c>
      <c r="I10" s="9"/>
      <c r="J10" s="9"/>
      <c r="K10" s="9"/>
      <c r="L10" s="9"/>
      <c r="M10" s="9"/>
    </row>
    <row r="11" spans="1:13" ht="14.25" customHeight="1">
      <c r="A11" s="73" t="s">
        <v>29</v>
      </c>
      <c r="B11" s="4">
        <v>3572</v>
      </c>
      <c r="C11" s="4">
        <v>104</v>
      </c>
      <c r="D11" s="4">
        <v>7</v>
      </c>
      <c r="E11" s="4">
        <v>2</v>
      </c>
      <c r="F11" s="4">
        <v>3685</v>
      </c>
    </row>
    <row r="12" spans="1:13">
      <c r="A12" s="74"/>
      <c r="B12" s="5">
        <v>0.96899999999999997</v>
      </c>
      <c r="C12" s="5">
        <v>2.8000000000000001E-2</v>
      </c>
      <c r="D12" s="5">
        <v>2E-3</v>
      </c>
      <c r="E12" s="5">
        <v>1E-3</v>
      </c>
      <c r="F12" s="5">
        <v>1</v>
      </c>
      <c r="I12" s="9"/>
      <c r="J12" s="9"/>
      <c r="K12" s="9"/>
      <c r="L12" s="9"/>
      <c r="M12" s="9"/>
    </row>
    <row r="13" spans="1:13">
      <c r="A13" s="54" t="s">
        <v>105</v>
      </c>
      <c r="B13" s="54"/>
      <c r="C13" s="54"/>
      <c r="D13" s="54"/>
      <c r="E13" s="54"/>
      <c r="F13" s="54"/>
    </row>
    <row r="14" spans="1:13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6"/>
  <dimension ref="A1:O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25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189</v>
      </c>
      <c r="B3" s="53" t="s">
        <v>519</v>
      </c>
      <c r="C3" s="53"/>
      <c r="D3" s="53"/>
      <c r="E3" s="53"/>
      <c r="F3" s="53"/>
      <c r="G3" s="2"/>
    </row>
    <row r="4" spans="1:15">
      <c r="A4" s="78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15">
      <c r="A5" s="56" t="s">
        <v>132</v>
      </c>
      <c r="B5" s="4">
        <v>1310</v>
      </c>
      <c r="C5" s="4">
        <v>1417</v>
      </c>
      <c r="D5" s="4">
        <v>236</v>
      </c>
      <c r="E5" s="4">
        <v>89</v>
      </c>
      <c r="F5" s="4">
        <v>3052</v>
      </c>
    </row>
    <row r="6" spans="1:15">
      <c r="A6" s="61"/>
      <c r="B6" s="5">
        <v>0.42899999999999999</v>
      </c>
      <c r="C6" s="5">
        <v>0.46400000000000002</v>
      </c>
      <c r="D6" s="5">
        <v>7.6999999999999999E-2</v>
      </c>
      <c r="E6" s="5">
        <v>2.9000000000000001E-2</v>
      </c>
      <c r="F6" s="5">
        <v>1</v>
      </c>
      <c r="H6" s="9"/>
      <c r="I6" s="9"/>
      <c r="J6" s="9"/>
      <c r="K6" s="9"/>
      <c r="L6" s="9"/>
    </row>
    <row r="7" spans="1:15">
      <c r="A7" s="56" t="s">
        <v>133</v>
      </c>
      <c r="B7" s="6">
        <v>276</v>
      </c>
      <c r="C7" s="6">
        <v>196</v>
      </c>
      <c r="D7" s="6">
        <v>20</v>
      </c>
      <c r="E7" s="6">
        <v>10</v>
      </c>
      <c r="F7" s="4">
        <v>502</v>
      </c>
      <c r="N7" s="9"/>
      <c r="O7" s="9"/>
    </row>
    <row r="8" spans="1:15">
      <c r="A8" s="57"/>
      <c r="B8" s="5">
        <v>0.55000000000000004</v>
      </c>
      <c r="C8" s="5">
        <v>0.39</v>
      </c>
      <c r="D8" s="5">
        <v>0.04</v>
      </c>
      <c r="E8" s="5">
        <v>0.02</v>
      </c>
      <c r="F8" s="5">
        <v>1</v>
      </c>
      <c r="H8" s="9"/>
      <c r="I8" s="9"/>
      <c r="J8" s="9"/>
      <c r="K8" s="9"/>
      <c r="L8" s="9"/>
    </row>
    <row r="9" spans="1:15">
      <c r="A9" s="56" t="s">
        <v>171</v>
      </c>
      <c r="B9" s="6">
        <v>5</v>
      </c>
      <c r="C9" s="6">
        <v>12</v>
      </c>
      <c r="D9" s="6">
        <v>0</v>
      </c>
      <c r="E9" s="6">
        <v>1</v>
      </c>
      <c r="F9" s="6">
        <v>18</v>
      </c>
      <c r="N9" s="9"/>
      <c r="O9" s="9"/>
    </row>
    <row r="10" spans="1:15">
      <c r="A10" s="57"/>
      <c r="B10" s="5">
        <v>0.27800000000000002</v>
      </c>
      <c r="C10" s="5">
        <v>0.66700000000000004</v>
      </c>
      <c r="D10" s="5">
        <v>0</v>
      </c>
      <c r="E10" s="5">
        <v>5.6000000000000001E-2</v>
      </c>
      <c r="F10" s="5">
        <v>1</v>
      </c>
      <c r="H10" s="9"/>
      <c r="I10" s="9"/>
      <c r="J10" s="9"/>
      <c r="K10" s="9"/>
      <c r="L10" s="9"/>
    </row>
    <row r="11" spans="1:15" ht="14.25" customHeight="1">
      <c r="A11" s="73" t="s">
        <v>29</v>
      </c>
      <c r="B11" s="4">
        <v>1591</v>
      </c>
      <c r="C11" s="4">
        <v>1625</v>
      </c>
      <c r="D11" s="4">
        <v>256</v>
      </c>
      <c r="E11" s="4">
        <v>100</v>
      </c>
      <c r="F11" s="4">
        <v>3572</v>
      </c>
      <c r="N11" s="9"/>
      <c r="O11" s="9"/>
    </row>
    <row r="12" spans="1:15">
      <c r="A12" s="74"/>
      <c r="B12" s="5">
        <v>0.44500000000000001</v>
      </c>
      <c r="C12" s="5">
        <v>0.45500000000000002</v>
      </c>
      <c r="D12" s="5">
        <v>7.1999999999999995E-2</v>
      </c>
      <c r="E12" s="5">
        <v>2.8000000000000001E-2</v>
      </c>
      <c r="F12" s="5">
        <v>1</v>
      </c>
      <c r="H12" s="9"/>
      <c r="I12" s="9"/>
      <c r="J12" s="9"/>
      <c r="K12" s="9"/>
      <c r="L12" s="9"/>
    </row>
    <row r="13" spans="1:15">
      <c r="A13" s="54" t="s">
        <v>520</v>
      </c>
      <c r="B13" s="54"/>
      <c r="C13" s="54"/>
      <c r="D13" s="54"/>
      <c r="E13" s="54"/>
      <c r="F13" s="54"/>
      <c r="K13" s="9"/>
      <c r="L13" s="9"/>
      <c r="M13" s="9"/>
      <c r="N13" s="9"/>
      <c r="O13" s="9"/>
    </row>
    <row r="14" spans="1:15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7"/>
  <dimension ref="A1:J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0">
      <c r="A1" s="1" t="s">
        <v>626</v>
      </c>
    </row>
    <row r="2" spans="1:10" ht="14.25" customHeight="1">
      <c r="A2" s="41" t="s">
        <v>812</v>
      </c>
      <c r="C2" s="7"/>
      <c r="D2" s="7"/>
      <c r="E2" s="7"/>
    </row>
    <row r="3" spans="1:10" ht="14.25" customHeight="1">
      <c r="A3" s="78" t="s">
        <v>189</v>
      </c>
      <c r="B3" s="53" t="s">
        <v>113</v>
      </c>
      <c r="C3" s="53"/>
      <c r="D3" s="53"/>
      <c r="E3" s="53"/>
      <c r="F3" s="2"/>
    </row>
    <row r="4" spans="1:10" ht="28.5">
      <c r="A4" s="78"/>
      <c r="B4" s="8" t="s">
        <v>151</v>
      </c>
      <c r="C4" s="8" t="s">
        <v>152</v>
      </c>
      <c r="D4" s="8" t="s">
        <v>42</v>
      </c>
      <c r="E4" s="8" t="s">
        <v>29</v>
      </c>
    </row>
    <row r="5" spans="1:10">
      <c r="A5" s="56" t="s">
        <v>132</v>
      </c>
      <c r="B5" s="4">
        <v>3100</v>
      </c>
      <c r="C5" s="4">
        <v>26</v>
      </c>
      <c r="D5" s="4">
        <v>7</v>
      </c>
      <c r="E5" s="4">
        <v>3133</v>
      </c>
    </row>
    <row r="6" spans="1:10">
      <c r="A6" s="61"/>
      <c r="B6" s="5">
        <v>0.98899999999999999</v>
      </c>
      <c r="C6" s="5">
        <v>8.0000000000000002E-3</v>
      </c>
      <c r="D6" s="5">
        <v>2E-3</v>
      </c>
      <c r="E6" s="5">
        <v>1</v>
      </c>
      <c r="G6" s="9"/>
      <c r="H6" s="9"/>
      <c r="I6" s="9"/>
      <c r="J6" s="9"/>
    </row>
    <row r="7" spans="1:10">
      <c r="A7" s="56" t="s">
        <v>133</v>
      </c>
      <c r="B7" s="6">
        <v>515</v>
      </c>
      <c r="C7" s="6">
        <v>13</v>
      </c>
      <c r="D7" s="6">
        <v>2</v>
      </c>
      <c r="E7" s="4">
        <v>530</v>
      </c>
    </row>
    <row r="8" spans="1:10">
      <c r="A8" s="57"/>
      <c r="B8" s="5">
        <v>0.97199999999999998</v>
      </c>
      <c r="C8" s="5">
        <v>2.5000000000000001E-2</v>
      </c>
      <c r="D8" s="5">
        <v>4.0000000000000001E-3</v>
      </c>
      <c r="E8" s="5">
        <v>1</v>
      </c>
      <c r="G8" s="9"/>
      <c r="H8" s="9"/>
      <c r="I8" s="9"/>
      <c r="J8" s="9"/>
    </row>
    <row r="9" spans="1:10">
      <c r="A9" s="56" t="s">
        <v>171</v>
      </c>
      <c r="B9" s="6">
        <v>22</v>
      </c>
      <c r="C9" s="6">
        <v>0</v>
      </c>
      <c r="D9" s="6">
        <v>0</v>
      </c>
      <c r="E9" s="6">
        <v>22</v>
      </c>
    </row>
    <row r="10" spans="1:10">
      <c r="A10" s="57"/>
      <c r="B10" s="5">
        <v>1</v>
      </c>
      <c r="C10" s="5">
        <v>0</v>
      </c>
      <c r="D10" s="5">
        <v>0</v>
      </c>
      <c r="E10" s="5">
        <v>1</v>
      </c>
      <c r="G10" s="9"/>
      <c r="H10" s="9"/>
      <c r="I10" s="9"/>
      <c r="J10" s="9"/>
    </row>
    <row r="11" spans="1:10" ht="14.25" customHeight="1">
      <c r="A11" s="73" t="s">
        <v>29</v>
      </c>
      <c r="B11" s="4">
        <v>3637</v>
      </c>
      <c r="C11" s="4">
        <v>39</v>
      </c>
      <c r="D11" s="4">
        <v>9</v>
      </c>
      <c r="E11" s="4">
        <v>3685</v>
      </c>
    </row>
    <row r="12" spans="1:10">
      <c r="A12" s="74"/>
      <c r="B12" s="5">
        <v>0.98699999999999999</v>
      </c>
      <c r="C12" s="5">
        <v>1.0999999999999999E-2</v>
      </c>
      <c r="D12" s="5">
        <v>2E-3</v>
      </c>
      <c r="E12" s="5">
        <v>1</v>
      </c>
      <c r="G12" s="9"/>
      <c r="H12" s="9"/>
      <c r="I12" s="9"/>
      <c r="J12" s="9"/>
    </row>
    <row r="13" spans="1:10">
      <c r="A13" s="54" t="s">
        <v>106</v>
      </c>
      <c r="B13" s="54"/>
      <c r="C13" s="54"/>
      <c r="D13" s="54"/>
      <c r="E13" s="54"/>
    </row>
    <row r="14" spans="1:10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8"/>
  <dimension ref="A1:N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4">
      <c r="A1" s="1" t="s">
        <v>627</v>
      </c>
    </row>
    <row r="2" spans="1:14" ht="14.25" customHeight="1">
      <c r="A2" s="41" t="s">
        <v>812</v>
      </c>
      <c r="C2" s="7"/>
      <c r="D2" s="7"/>
      <c r="E2" s="7"/>
      <c r="F2" s="7"/>
      <c r="G2" s="7"/>
    </row>
    <row r="3" spans="1:14" ht="14.25" customHeight="1">
      <c r="A3" s="78" t="s">
        <v>189</v>
      </c>
      <c r="B3" s="53" t="s">
        <v>116</v>
      </c>
      <c r="C3" s="53"/>
      <c r="D3" s="53"/>
      <c r="E3" s="53"/>
      <c r="F3" s="53"/>
      <c r="G3" s="53"/>
      <c r="H3" s="2"/>
    </row>
    <row r="4" spans="1:14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14">
      <c r="A5" s="56" t="s">
        <v>132</v>
      </c>
      <c r="B5" s="4">
        <v>2406</v>
      </c>
      <c r="C5" s="4">
        <v>222</v>
      </c>
      <c r="D5" s="4">
        <v>384</v>
      </c>
      <c r="E5" s="4">
        <v>103</v>
      </c>
      <c r="F5" s="4">
        <v>18</v>
      </c>
      <c r="G5" s="4">
        <v>3133</v>
      </c>
    </row>
    <row r="6" spans="1:14">
      <c r="A6" s="61"/>
      <c r="B6" s="5">
        <v>0.76800000000000002</v>
      </c>
      <c r="C6" s="5">
        <v>7.0999999999999994E-2</v>
      </c>
      <c r="D6" s="5">
        <v>0.123</v>
      </c>
      <c r="E6" s="5">
        <v>3.3000000000000002E-2</v>
      </c>
      <c r="F6" s="5">
        <v>6.0000000000000001E-3</v>
      </c>
      <c r="G6" s="5">
        <v>1</v>
      </c>
      <c r="I6" s="9"/>
      <c r="J6" s="9"/>
      <c r="K6" s="9"/>
      <c r="L6" s="9"/>
      <c r="M6" s="9"/>
      <c r="N6" s="9"/>
    </row>
    <row r="7" spans="1:14">
      <c r="A7" s="56" t="s">
        <v>133</v>
      </c>
      <c r="B7" s="6">
        <v>406</v>
      </c>
      <c r="C7" s="6">
        <v>43</v>
      </c>
      <c r="D7" s="6">
        <v>67</v>
      </c>
      <c r="E7" s="6">
        <v>14</v>
      </c>
      <c r="F7" s="6">
        <v>0</v>
      </c>
      <c r="G7" s="4">
        <v>530</v>
      </c>
    </row>
    <row r="8" spans="1:14">
      <c r="A8" s="57"/>
      <c r="B8" s="5">
        <v>0.76600000000000001</v>
      </c>
      <c r="C8" s="5">
        <v>8.1000000000000003E-2</v>
      </c>
      <c r="D8" s="5">
        <v>0.126</v>
      </c>
      <c r="E8" s="5">
        <v>2.5999999999999999E-2</v>
      </c>
      <c r="F8" s="5">
        <v>0</v>
      </c>
      <c r="G8" s="5">
        <v>1</v>
      </c>
      <c r="I8" s="9"/>
      <c r="J8" s="9"/>
      <c r="K8" s="9"/>
      <c r="L8" s="9"/>
      <c r="M8" s="9"/>
      <c r="N8" s="9"/>
    </row>
    <row r="9" spans="1:14">
      <c r="A9" s="56" t="s">
        <v>171</v>
      </c>
      <c r="B9" s="6">
        <v>13</v>
      </c>
      <c r="C9" s="6">
        <v>3</v>
      </c>
      <c r="D9" s="6">
        <v>2</v>
      </c>
      <c r="E9" s="6">
        <v>3</v>
      </c>
      <c r="F9" s="6">
        <v>1</v>
      </c>
      <c r="G9" s="6">
        <v>22</v>
      </c>
    </row>
    <row r="10" spans="1:14">
      <c r="A10" s="57"/>
      <c r="B10" s="5">
        <v>0.59099999999999997</v>
      </c>
      <c r="C10" s="5">
        <v>0.13600000000000001</v>
      </c>
      <c r="D10" s="5">
        <v>9.0999999999999998E-2</v>
      </c>
      <c r="E10" s="5">
        <v>0.13600000000000001</v>
      </c>
      <c r="F10" s="5">
        <v>4.4999999999999998E-2</v>
      </c>
      <c r="G10" s="5">
        <v>1</v>
      </c>
      <c r="I10" s="9"/>
      <c r="J10" s="9"/>
      <c r="K10" s="9"/>
      <c r="L10" s="9"/>
      <c r="M10" s="9"/>
      <c r="N10" s="9"/>
    </row>
    <row r="11" spans="1:14" ht="14.25" customHeight="1">
      <c r="A11" s="73" t="s">
        <v>29</v>
      </c>
      <c r="B11" s="4">
        <v>2825</v>
      </c>
      <c r="C11" s="4">
        <v>268</v>
      </c>
      <c r="D11" s="4">
        <v>453</v>
      </c>
      <c r="E11" s="4">
        <v>120</v>
      </c>
      <c r="F11" s="4">
        <v>19</v>
      </c>
      <c r="G11" s="4">
        <v>3685</v>
      </c>
    </row>
    <row r="12" spans="1:14">
      <c r="A12" s="74"/>
      <c r="B12" s="5">
        <v>0.76700000000000002</v>
      </c>
      <c r="C12" s="5">
        <v>7.2999999999999995E-2</v>
      </c>
      <c r="D12" s="5">
        <v>0.123</v>
      </c>
      <c r="E12" s="5">
        <v>3.3000000000000002E-2</v>
      </c>
      <c r="F12" s="5">
        <v>5.0000000000000001E-3</v>
      </c>
      <c r="G12" s="5">
        <v>1</v>
      </c>
      <c r="I12" s="9"/>
      <c r="J12" s="9"/>
      <c r="K12" s="9"/>
      <c r="L12" s="9"/>
      <c r="M12" s="9"/>
      <c r="N12" s="9"/>
    </row>
    <row r="13" spans="1:14">
      <c r="A13" s="54" t="s">
        <v>119</v>
      </c>
      <c r="B13" s="54"/>
      <c r="C13" s="54"/>
      <c r="D13" s="54"/>
      <c r="E13" s="54"/>
      <c r="F13" s="54"/>
      <c r="G13" s="54"/>
    </row>
    <row r="14" spans="1:14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9"/>
  <dimension ref="A1:L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2">
      <c r="A1" s="1" t="s">
        <v>628</v>
      </c>
    </row>
    <row r="2" spans="1:12" ht="14.25" customHeight="1">
      <c r="A2" s="41" t="s">
        <v>812</v>
      </c>
      <c r="C2" s="7"/>
      <c r="D2" s="7"/>
      <c r="E2" s="7"/>
      <c r="F2" s="7"/>
    </row>
    <row r="3" spans="1:12" ht="14.25" customHeight="1">
      <c r="A3" s="78" t="s">
        <v>189</v>
      </c>
      <c r="B3" s="53" t="s">
        <v>117</v>
      </c>
      <c r="C3" s="53"/>
      <c r="D3" s="53"/>
      <c r="E3" s="53"/>
      <c r="F3" s="53"/>
      <c r="G3" s="2"/>
    </row>
    <row r="4" spans="1:12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12">
      <c r="A5" s="56" t="s">
        <v>132</v>
      </c>
      <c r="B5" s="4">
        <v>1747</v>
      </c>
      <c r="C5" s="4">
        <v>1258</v>
      </c>
      <c r="D5" s="4">
        <v>107</v>
      </c>
      <c r="E5" s="4">
        <v>21</v>
      </c>
      <c r="F5" s="4">
        <v>3133</v>
      </c>
    </row>
    <row r="6" spans="1:12">
      <c r="A6" s="61"/>
      <c r="B6" s="5">
        <v>0.55800000000000005</v>
      </c>
      <c r="C6" s="5">
        <v>0.40200000000000002</v>
      </c>
      <c r="D6" s="5">
        <v>3.4000000000000002E-2</v>
      </c>
      <c r="E6" s="5">
        <v>7.0000000000000001E-3</v>
      </c>
      <c r="F6" s="5">
        <v>1</v>
      </c>
      <c r="H6" s="9"/>
      <c r="I6" s="9"/>
      <c r="J6" s="9"/>
      <c r="K6" s="9"/>
      <c r="L6" s="9"/>
    </row>
    <row r="7" spans="1:12">
      <c r="A7" s="56" t="s">
        <v>133</v>
      </c>
      <c r="B7" s="6">
        <v>302</v>
      </c>
      <c r="C7" s="6">
        <v>212</v>
      </c>
      <c r="D7" s="6">
        <v>14</v>
      </c>
      <c r="E7" s="6">
        <v>2</v>
      </c>
      <c r="F7" s="4">
        <v>530</v>
      </c>
    </row>
    <row r="8" spans="1:12">
      <c r="A8" s="57"/>
      <c r="B8" s="5">
        <v>0.56999999999999995</v>
      </c>
      <c r="C8" s="5">
        <v>0.4</v>
      </c>
      <c r="D8" s="5">
        <v>2.5999999999999999E-2</v>
      </c>
      <c r="E8" s="5">
        <v>4.0000000000000001E-3</v>
      </c>
      <c r="F8" s="5">
        <v>1</v>
      </c>
      <c r="H8" s="9"/>
      <c r="I8" s="9"/>
      <c r="J8" s="9"/>
      <c r="K8" s="9"/>
      <c r="L8" s="9"/>
    </row>
    <row r="9" spans="1:12">
      <c r="A9" s="56" t="s">
        <v>171</v>
      </c>
      <c r="B9" s="6">
        <v>8</v>
      </c>
      <c r="C9" s="6">
        <v>13</v>
      </c>
      <c r="D9" s="6">
        <v>1</v>
      </c>
      <c r="E9" s="6">
        <v>0</v>
      </c>
      <c r="F9" s="6">
        <v>22</v>
      </c>
    </row>
    <row r="10" spans="1:12">
      <c r="A10" s="57"/>
      <c r="B10" s="5">
        <v>0.36399999999999999</v>
      </c>
      <c r="C10" s="5">
        <v>0.59099999999999997</v>
      </c>
      <c r="D10" s="5">
        <v>4.4999999999999998E-2</v>
      </c>
      <c r="E10" s="5">
        <v>0</v>
      </c>
      <c r="F10" s="5">
        <v>1</v>
      </c>
      <c r="H10" s="9"/>
      <c r="I10" s="9"/>
      <c r="J10" s="9"/>
      <c r="K10" s="9"/>
      <c r="L10" s="9"/>
    </row>
    <row r="11" spans="1:12" ht="14.25" customHeight="1">
      <c r="A11" s="73" t="s">
        <v>29</v>
      </c>
      <c r="B11" s="4">
        <v>2057</v>
      </c>
      <c r="C11" s="4">
        <v>1483</v>
      </c>
      <c r="D11" s="4">
        <v>122</v>
      </c>
      <c r="E11" s="4">
        <v>23</v>
      </c>
      <c r="F11" s="4">
        <v>3685</v>
      </c>
    </row>
    <row r="12" spans="1:12">
      <c r="A12" s="74"/>
      <c r="B12" s="5">
        <v>0.55800000000000005</v>
      </c>
      <c r="C12" s="5">
        <v>0.40200000000000002</v>
      </c>
      <c r="D12" s="5">
        <v>3.3000000000000002E-2</v>
      </c>
      <c r="E12" s="5">
        <v>6.0000000000000001E-3</v>
      </c>
      <c r="F12" s="5">
        <v>1</v>
      </c>
      <c r="H12" s="9"/>
      <c r="I12" s="9"/>
      <c r="J12" s="9"/>
      <c r="K12" s="9"/>
      <c r="L12" s="9"/>
    </row>
    <row r="13" spans="1:12">
      <c r="A13" s="54" t="s">
        <v>118</v>
      </c>
      <c r="B13" s="54"/>
      <c r="C13" s="54"/>
      <c r="D13" s="54"/>
      <c r="E13" s="54"/>
      <c r="F13" s="54"/>
    </row>
    <row r="14" spans="1:12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0"/>
  <dimension ref="A1:K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1">
      <c r="A1" s="1" t="s">
        <v>629</v>
      </c>
    </row>
    <row r="2" spans="1:11" ht="14.25" customHeight="1">
      <c r="A2" s="41" t="s">
        <v>812</v>
      </c>
      <c r="C2" s="7"/>
      <c r="D2" s="7"/>
      <c r="E2" s="7"/>
    </row>
    <row r="3" spans="1:11" ht="14.25" customHeight="1">
      <c r="A3" s="78" t="s">
        <v>189</v>
      </c>
      <c r="B3" s="53" t="s">
        <v>120</v>
      </c>
      <c r="C3" s="53"/>
      <c r="D3" s="53"/>
      <c r="E3" s="53"/>
      <c r="F3" s="2"/>
    </row>
    <row r="4" spans="1:11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11">
      <c r="A5" s="56" t="s">
        <v>132</v>
      </c>
      <c r="B5" s="4">
        <v>1976</v>
      </c>
      <c r="C5" s="4">
        <v>1148</v>
      </c>
      <c r="D5" s="4">
        <v>9</v>
      </c>
      <c r="E5" s="4">
        <v>3133</v>
      </c>
    </row>
    <row r="6" spans="1:11">
      <c r="A6" s="61"/>
      <c r="B6" s="5">
        <v>0.63100000000000001</v>
      </c>
      <c r="C6" s="5">
        <v>0.36599999999999999</v>
      </c>
      <c r="D6" s="5">
        <v>3.0000000000000001E-3</v>
      </c>
      <c r="E6" s="5">
        <v>1</v>
      </c>
      <c r="H6" s="9"/>
      <c r="I6" s="9"/>
      <c r="J6" s="9"/>
      <c r="K6" s="9"/>
    </row>
    <row r="7" spans="1:11">
      <c r="A7" s="56" t="s">
        <v>133</v>
      </c>
      <c r="B7" s="6">
        <v>329</v>
      </c>
      <c r="C7" s="6">
        <v>201</v>
      </c>
      <c r="D7" s="6">
        <v>0</v>
      </c>
      <c r="E7" s="4">
        <v>530</v>
      </c>
    </row>
    <row r="8" spans="1:11">
      <c r="A8" s="57"/>
      <c r="B8" s="5">
        <v>0.621</v>
      </c>
      <c r="C8" s="5">
        <v>0.379</v>
      </c>
      <c r="D8" s="5">
        <v>0</v>
      </c>
      <c r="E8" s="5">
        <v>1</v>
      </c>
      <c r="H8" s="9"/>
      <c r="I8" s="9"/>
      <c r="J8" s="9"/>
      <c r="K8" s="9"/>
    </row>
    <row r="9" spans="1:11">
      <c r="A9" s="56" t="s">
        <v>171</v>
      </c>
      <c r="B9" s="6">
        <v>11</v>
      </c>
      <c r="C9" s="6">
        <v>10</v>
      </c>
      <c r="D9" s="6">
        <v>1</v>
      </c>
      <c r="E9" s="6">
        <v>22</v>
      </c>
    </row>
    <row r="10" spans="1:11">
      <c r="A10" s="57"/>
      <c r="B10" s="5">
        <v>0.5</v>
      </c>
      <c r="C10" s="5">
        <v>0.45500000000000002</v>
      </c>
      <c r="D10" s="5">
        <v>4.4999999999999998E-2</v>
      </c>
      <c r="E10" s="5">
        <v>1</v>
      </c>
      <c r="H10" s="9"/>
      <c r="I10" s="9"/>
      <c r="J10" s="9"/>
      <c r="K10" s="9"/>
    </row>
    <row r="11" spans="1:11" ht="14.25" customHeight="1">
      <c r="A11" s="73" t="s">
        <v>29</v>
      </c>
      <c r="B11" s="4">
        <v>2316</v>
      </c>
      <c r="C11" s="4">
        <v>1359</v>
      </c>
      <c r="D11" s="4">
        <v>10</v>
      </c>
      <c r="E11" s="4">
        <v>3685</v>
      </c>
    </row>
    <row r="12" spans="1:11">
      <c r="A12" s="74"/>
      <c r="B12" s="5">
        <v>0.628</v>
      </c>
      <c r="C12" s="5">
        <v>0.36899999999999999</v>
      </c>
      <c r="D12" s="5">
        <v>3.0000000000000001E-3</v>
      </c>
      <c r="E12" s="5">
        <v>1</v>
      </c>
      <c r="H12" s="9"/>
      <c r="I12" s="9"/>
      <c r="J12" s="9"/>
      <c r="K12" s="9"/>
    </row>
    <row r="13" spans="1:11">
      <c r="A13" s="54" t="s">
        <v>121</v>
      </c>
      <c r="B13" s="54"/>
      <c r="C13" s="54"/>
      <c r="D13" s="54"/>
      <c r="E13" s="54"/>
    </row>
    <row r="14" spans="1:11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630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60" customHeight="1">
      <c r="A3" s="78" t="s">
        <v>189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56" t="s">
        <v>132</v>
      </c>
      <c r="B5" s="4">
        <v>157</v>
      </c>
      <c r="C5" s="4">
        <v>1819</v>
      </c>
      <c r="D5" s="4">
        <v>1585</v>
      </c>
      <c r="E5" s="4">
        <v>391</v>
      </c>
      <c r="F5" s="4">
        <v>646</v>
      </c>
      <c r="G5" s="4">
        <v>1330</v>
      </c>
    </row>
    <row r="6" spans="1:7">
      <c r="A6" s="61"/>
      <c r="B6" s="5">
        <v>7.9000000000000001E-2</v>
      </c>
      <c r="C6" s="5">
        <v>0.92100000000000004</v>
      </c>
      <c r="D6" s="5">
        <v>0.80200000000000005</v>
      </c>
      <c r="E6" s="5">
        <v>0.19800000000000001</v>
      </c>
      <c r="F6" s="5">
        <v>0.32700000000000001</v>
      </c>
      <c r="G6" s="5">
        <v>0.67300000000000004</v>
      </c>
    </row>
    <row r="7" spans="1:7">
      <c r="A7" s="56" t="s">
        <v>133</v>
      </c>
      <c r="B7" s="6">
        <v>26</v>
      </c>
      <c r="C7" s="6">
        <v>303</v>
      </c>
      <c r="D7" s="6">
        <v>262</v>
      </c>
      <c r="E7" s="6">
        <v>67</v>
      </c>
      <c r="F7" s="6">
        <v>109</v>
      </c>
      <c r="G7" s="6">
        <v>220</v>
      </c>
    </row>
    <row r="8" spans="1:7">
      <c r="A8" s="57"/>
      <c r="B8" s="5">
        <v>7.9000000000000001E-2</v>
      </c>
      <c r="C8" s="5">
        <v>0.92100000000000004</v>
      </c>
      <c r="D8" s="5">
        <v>0.79600000000000004</v>
      </c>
      <c r="E8" s="5">
        <v>0.20399999999999999</v>
      </c>
      <c r="F8" s="5">
        <v>0.33100000000000002</v>
      </c>
      <c r="G8" s="5">
        <v>0.66900000000000004</v>
      </c>
    </row>
    <row r="9" spans="1:7">
      <c r="A9" s="56" t="s">
        <v>171</v>
      </c>
      <c r="B9" s="6">
        <v>0</v>
      </c>
      <c r="C9" s="6">
        <v>11</v>
      </c>
      <c r="D9" s="6">
        <v>8</v>
      </c>
      <c r="E9" s="6">
        <v>3</v>
      </c>
      <c r="F9" s="6">
        <v>2</v>
      </c>
      <c r="G9" s="6">
        <v>9</v>
      </c>
    </row>
    <row r="10" spans="1:7">
      <c r="A10" s="57"/>
      <c r="B10" s="5">
        <v>0</v>
      </c>
      <c r="C10" s="5">
        <v>1</v>
      </c>
      <c r="D10" s="5">
        <v>0.72699999999999998</v>
      </c>
      <c r="E10" s="5">
        <v>0.27300000000000002</v>
      </c>
      <c r="F10" s="5">
        <v>0.182</v>
      </c>
      <c r="G10" s="5">
        <v>0.81799999999999995</v>
      </c>
    </row>
    <row r="11" spans="1:7">
      <c r="A11" s="56" t="s">
        <v>29</v>
      </c>
      <c r="B11" s="4">
        <v>183</v>
      </c>
      <c r="C11" s="4">
        <v>2133</v>
      </c>
      <c r="D11" s="4">
        <v>1855</v>
      </c>
      <c r="E11" s="4">
        <v>461</v>
      </c>
      <c r="F11" s="4">
        <v>757</v>
      </c>
      <c r="G11" s="4">
        <v>1559</v>
      </c>
    </row>
    <row r="12" spans="1:7">
      <c r="A12" s="57"/>
      <c r="B12" s="5">
        <v>7.9000000000000001E-2</v>
      </c>
      <c r="C12" s="5">
        <v>0.92100000000000004</v>
      </c>
      <c r="D12" s="5">
        <v>0.80100000000000005</v>
      </c>
      <c r="E12" s="5">
        <v>0.19900000000000001</v>
      </c>
      <c r="F12" s="5">
        <v>0.32700000000000001</v>
      </c>
      <c r="G12" s="5">
        <v>0.67300000000000004</v>
      </c>
    </row>
    <row r="13" spans="1:7">
      <c r="A13" s="33"/>
      <c r="B13" s="33"/>
      <c r="C13" s="33"/>
      <c r="D13" s="33"/>
      <c r="E13" s="33"/>
      <c r="F13" s="33"/>
      <c r="G13" s="33"/>
    </row>
    <row r="14" spans="1:7" ht="33" customHeight="1">
      <c r="A14" s="78" t="s">
        <v>189</v>
      </c>
      <c r="B14" s="62" t="s">
        <v>243</v>
      </c>
      <c r="C14" s="63"/>
      <c r="D14" s="62" t="s">
        <v>244</v>
      </c>
      <c r="E14" s="63"/>
      <c r="F14" s="62" t="s">
        <v>245</v>
      </c>
      <c r="G14" s="64"/>
    </row>
    <row r="15" spans="1:7">
      <c r="A15" s="78"/>
      <c r="B15" s="8" t="s">
        <v>190</v>
      </c>
      <c r="C15" s="8" t="s">
        <v>191</v>
      </c>
      <c r="D15" s="8" t="s">
        <v>190</v>
      </c>
      <c r="E15" s="8" t="s">
        <v>191</v>
      </c>
      <c r="F15" s="8" t="s">
        <v>190</v>
      </c>
      <c r="G15" s="8" t="s">
        <v>191</v>
      </c>
    </row>
    <row r="16" spans="1:7">
      <c r="A16" s="56" t="s">
        <v>132</v>
      </c>
      <c r="B16" s="4">
        <v>1311</v>
      </c>
      <c r="C16" s="4">
        <v>665</v>
      </c>
      <c r="D16" s="4">
        <v>62</v>
      </c>
      <c r="E16" s="4">
        <v>1914</v>
      </c>
      <c r="F16" s="4">
        <v>77</v>
      </c>
      <c r="G16" s="4">
        <v>1899</v>
      </c>
    </row>
    <row r="17" spans="1:7">
      <c r="A17" s="61"/>
      <c r="B17" s="5">
        <v>0.66300000000000003</v>
      </c>
      <c r="C17" s="5">
        <v>0.33700000000000002</v>
      </c>
      <c r="D17" s="5">
        <v>3.1E-2</v>
      </c>
      <c r="E17" s="5">
        <v>0.96899999999999997</v>
      </c>
      <c r="F17" s="5">
        <v>3.9E-2</v>
      </c>
      <c r="G17" s="5">
        <v>0.96099999999999997</v>
      </c>
    </row>
    <row r="18" spans="1:7">
      <c r="A18" s="56" t="s">
        <v>133</v>
      </c>
      <c r="B18" s="6">
        <v>211</v>
      </c>
      <c r="C18" s="6">
        <v>118</v>
      </c>
      <c r="D18" s="4">
        <v>3</v>
      </c>
      <c r="E18" s="6">
        <v>326</v>
      </c>
      <c r="F18" s="6">
        <v>14</v>
      </c>
      <c r="G18" s="6">
        <v>315</v>
      </c>
    </row>
    <row r="19" spans="1:7">
      <c r="A19" s="57"/>
      <c r="B19" s="5">
        <v>0.64100000000000001</v>
      </c>
      <c r="C19" s="5">
        <v>0.35899999999999999</v>
      </c>
      <c r="D19" s="5">
        <v>8.9999999999999993E-3</v>
      </c>
      <c r="E19" s="5">
        <v>0.99099999999999999</v>
      </c>
      <c r="F19" s="5">
        <v>4.2999999999999997E-2</v>
      </c>
      <c r="G19" s="5">
        <v>0.95699999999999996</v>
      </c>
    </row>
    <row r="20" spans="1:7">
      <c r="A20" s="56" t="s">
        <v>171</v>
      </c>
      <c r="B20" s="6">
        <v>6</v>
      </c>
      <c r="C20" s="6">
        <v>5</v>
      </c>
      <c r="D20" s="6">
        <v>0</v>
      </c>
      <c r="E20" s="6">
        <v>11</v>
      </c>
      <c r="F20" s="6">
        <v>2</v>
      </c>
      <c r="G20" s="6">
        <v>9</v>
      </c>
    </row>
    <row r="21" spans="1:7">
      <c r="A21" s="57"/>
      <c r="B21" s="5">
        <v>0.54500000000000004</v>
      </c>
      <c r="C21" s="5">
        <v>0.45500000000000002</v>
      </c>
      <c r="D21" s="5">
        <v>0</v>
      </c>
      <c r="E21" s="5">
        <v>1</v>
      </c>
      <c r="F21" s="5">
        <v>0.182</v>
      </c>
      <c r="G21" s="5">
        <v>0.81799999999999995</v>
      </c>
    </row>
    <row r="22" spans="1:7">
      <c r="A22" s="56" t="s">
        <v>29</v>
      </c>
      <c r="B22" s="4">
        <v>1528</v>
      </c>
      <c r="C22" s="4">
        <v>788</v>
      </c>
      <c r="D22" s="4">
        <v>65</v>
      </c>
      <c r="E22" s="4">
        <v>2251</v>
      </c>
      <c r="F22" s="4">
        <v>93</v>
      </c>
      <c r="G22" s="4">
        <v>2223</v>
      </c>
    </row>
    <row r="23" spans="1:7">
      <c r="A23" s="57"/>
      <c r="B23" s="5">
        <v>0.66</v>
      </c>
      <c r="C23" s="5">
        <v>0.34</v>
      </c>
      <c r="D23" s="5">
        <v>2.8000000000000001E-2</v>
      </c>
      <c r="E23" s="5">
        <v>0.97199999999999998</v>
      </c>
      <c r="F23" s="5">
        <v>0.04</v>
      </c>
      <c r="G23" s="5">
        <v>0.96</v>
      </c>
    </row>
    <row r="24" spans="1:7">
      <c r="A24" s="33"/>
      <c r="B24" s="33"/>
      <c r="C24" s="33"/>
      <c r="D24" s="33"/>
      <c r="E24" s="33"/>
      <c r="F24" s="33"/>
      <c r="G24" s="33"/>
    </row>
    <row r="25" spans="1:7" ht="45" customHeight="1">
      <c r="A25" s="78" t="s">
        <v>189</v>
      </c>
      <c r="B25" s="62" t="s">
        <v>246</v>
      </c>
      <c r="C25" s="64"/>
      <c r="D25" s="62" t="s">
        <v>247</v>
      </c>
      <c r="E25" s="63"/>
      <c r="F25" s="62" t="s">
        <v>248</v>
      </c>
      <c r="G25" s="64"/>
    </row>
    <row r="26" spans="1:7">
      <c r="A26" s="78"/>
      <c r="B26" s="8" t="s">
        <v>190</v>
      </c>
      <c r="C26" s="8" t="s">
        <v>191</v>
      </c>
      <c r="D26" s="8" t="s">
        <v>190</v>
      </c>
      <c r="E26" s="8" t="s">
        <v>191</v>
      </c>
      <c r="F26" s="8" t="s">
        <v>190</v>
      </c>
      <c r="G26" s="8" t="s">
        <v>191</v>
      </c>
    </row>
    <row r="27" spans="1:7">
      <c r="A27" s="56" t="s">
        <v>132</v>
      </c>
      <c r="B27" s="4">
        <v>99</v>
      </c>
      <c r="C27" s="4">
        <v>1877</v>
      </c>
      <c r="D27" s="4">
        <v>6</v>
      </c>
      <c r="E27" s="4">
        <v>1970</v>
      </c>
      <c r="F27" s="4">
        <v>33</v>
      </c>
      <c r="G27" s="4">
        <v>1943</v>
      </c>
    </row>
    <row r="28" spans="1:7">
      <c r="A28" s="61"/>
      <c r="B28" s="5">
        <v>0.05</v>
      </c>
      <c r="C28" s="5">
        <v>0.95</v>
      </c>
      <c r="D28" s="5">
        <v>3.0000000000000001E-3</v>
      </c>
      <c r="E28" s="5">
        <v>0.997</v>
      </c>
      <c r="F28" s="5">
        <v>1.7000000000000001E-2</v>
      </c>
      <c r="G28" s="5">
        <v>0.98299999999999998</v>
      </c>
    </row>
    <row r="29" spans="1:7">
      <c r="A29" s="56" t="s">
        <v>133</v>
      </c>
      <c r="B29" s="6">
        <v>15</v>
      </c>
      <c r="C29" s="6">
        <v>314</v>
      </c>
      <c r="D29" s="6">
        <v>0</v>
      </c>
      <c r="E29" s="6">
        <v>329</v>
      </c>
      <c r="F29" s="6">
        <v>10</v>
      </c>
      <c r="G29" s="6">
        <v>319</v>
      </c>
    </row>
    <row r="30" spans="1:7">
      <c r="A30" s="57"/>
      <c r="B30" s="5">
        <v>4.5999999999999999E-2</v>
      </c>
      <c r="C30" s="5">
        <v>0.95399999999999996</v>
      </c>
      <c r="D30" s="5">
        <v>0</v>
      </c>
      <c r="E30" s="5">
        <v>1</v>
      </c>
      <c r="F30" s="5">
        <v>0.03</v>
      </c>
      <c r="G30" s="5">
        <v>0.97</v>
      </c>
    </row>
    <row r="31" spans="1:7">
      <c r="A31" s="56" t="s">
        <v>171</v>
      </c>
      <c r="B31" s="6">
        <v>0</v>
      </c>
      <c r="C31" s="6">
        <v>11</v>
      </c>
      <c r="D31" s="6">
        <v>0</v>
      </c>
      <c r="E31" s="6">
        <v>11</v>
      </c>
      <c r="F31" s="6">
        <v>1</v>
      </c>
      <c r="G31" s="6">
        <v>10</v>
      </c>
    </row>
    <row r="32" spans="1:7">
      <c r="A32" s="57"/>
      <c r="B32" s="5">
        <v>0</v>
      </c>
      <c r="C32" s="5">
        <v>1</v>
      </c>
      <c r="D32" s="5">
        <v>0</v>
      </c>
      <c r="E32" s="5">
        <v>1</v>
      </c>
      <c r="F32" s="5">
        <v>9.0999999999999998E-2</v>
      </c>
      <c r="G32" s="5">
        <v>0.90900000000000003</v>
      </c>
    </row>
    <row r="33" spans="1:7">
      <c r="A33" s="56" t="s">
        <v>29</v>
      </c>
      <c r="B33" s="4">
        <v>114</v>
      </c>
      <c r="C33" s="4">
        <v>2202</v>
      </c>
      <c r="D33" s="4">
        <v>6</v>
      </c>
      <c r="E33" s="4">
        <v>2310</v>
      </c>
      <c r="F33" s="4">
        <v>44</v>
      </c>
      <c r="G33" s="4">
        <v>2272</v>
      </c>
    </row>
    <row r="34" spans="1:7">
      <c r="A34" s="57"/>
      <c r="B34" s="5">
        <v>4.9000000000000002E-2</v>
      </c>
      <c r="C34" s="5">
        <v>0.95099999999999996</v>
      </c>
      <c r="D34" s="5">
        <v>3.0000000000000001E-3</v>
      </c>
      <c r="E34" s="5">
        <v>0.997</v>
      </c>
      <c r="F34" s="5">
        <v>1.9E-2</v>
      </c>
      <c r="G34" s="5">
        <v>0.98099999999999998</v>
      </c>
    </row>
    <row r="35" spans="1:7">
      <c r="A35" s="55" t="s">
        <v>631</v>
      </c>
      <c r="B35" s="55"/>
      <c r="C35" s="55"/>
      <c r="D35" s="55"/>
      <c r="E35" s="55"/>
      <c r="F35" s="55"/>
      <c r="G35" s="55"/>
    </row>
    <row r="36" spans="1:7">
      <c r="A36" s="55"/>
      <c r="B36" s="55"/>
      <c r="C36" s="55"/>
      <c r="D36" s="55"/>
      <c r="E36" s="55"/>
      <c r="F36" s="55"/>
      <c r="G36" s="55"/>
    </row>
  </sheetData>
  <mergeCells count="25">
    <mergeCell ref="D3:E3"/>
    <mergeCell ref="F3:G3"/>
    <mergeCell ref="A5:A6"/>
    <mergeCell ref="A7:A8"/>
    <mergeCell ref="A9:A10"/>
    <mergeCell ref="A3:A4"/>
    <mergeCell ref="B3:C3"/>
    <mergeCell ref="A11:A12"/>
    <mergeCell ref="A25:A26"/>
    <mergeCell ref="B25:C25"/>
    <mergeCell ref="D25:E25"/>
    <mergeCell ref="F25:G25"/>
    <mergeCell ref="A14:A15"/>
    <mergeCell ref="B14:C14"/>
    <mergeCell ref="D14:E14"/>
    <mergeCell ref="F14:G14"/>
    <mergeCell ref="A16:A17"/>
    <mergeCell ref="A18:A19"/>
    <mergeCell ref="A20:A21"/>
    <mergeCell ref="A22:A23"/>
    <mergeCell ref="A33:A34"/>
    <mergeCell ref="A35:G36"/>
    <mergeCell ref="A27:A28"/>
    <mergeCell ref="A29:A30"/>
    <mergeCell ref="A31:A3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1"/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32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189</v>
      </c>
      <c r="B3" s="53" t="s">
        <v>122</v>
      </c>
      <c r="C3" s="53"/>
      <c r="D3" s="53"/>
      <c r="E3" s="53"/>
      <c r="F3" s="2"/>
    </row>
    <row r="4" spans="1:6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56" t="s">
        <v>132</v>
      </c>
      <c r="B5" s="4">
        <v>1741</v>
      </c>
      <c r="C5" s="4">
        <v>1379</v>
      </c>
      <c r="D5" s="4">
        <v>13</v>
      </c>
      <c r="E5" s="4">
        <v>3133</v>
      </c>
    </row>
    <row r="6" spans="1:6">
      <c r="A6" s="61"/>
      <c r="B6" s="5">
        <v>0.55600000000000005</v>
      </c>
      <c r="C6" s="5">
        <v>0.44</v>
      </c>
      <c r="D6" s="5">
        <v>4.0000000000000001E-3</v>
      </c>
      <c r="E6" s="5">
        <v>1</v>
      </c>
    </row>
    <row r="7" spans="1:6">
      <c r="A7" s="56" t="s">
        <v>133</v>
      </c>
      <c r="B7" s="6">
        <v>282</v>
      </c>
      <c r="C7" s="6">
        <v>246</v>
      </c>
      <c r="D7" s="6">
        <v>2</v>
      </c>
      <c r="E7" s="4">
        <v>530</v>
      </c>
    </row>
    <row r="8" spans="1:6">
      <c r="A8" s="57"/>
      <c r="B8" s="5">
        <v>0.53200000000000003</v>
      </c>
      <c r="C8" s="5">
        <v>0.46400000000000002</v>
      </c>
      <c r="D8" s="5">
        <v>4.0000000000000001E-3</v>
      </c>
      <c r="E8" s="5">
        <v>1</v>
      </c>
    </row>
    <row r="9" spans="1:6">
      <c r="A9" s="56" t="s">
        <v>171</v>
      </c>
      <c r="B9" s="6">
        <v>7</v>
      </c>
      <c r="C9" s="6">
        <v>15</v>
      </c>
      <c r="D9" s="6">
        <v>0</v>
      </c>
      <c r="E9" s="6">
        <v>22</v>
      </c>
    </row>
    <row r="10" spans="1:6">
      <c r="A10" s="57"/>
      <c r="B10" s="5">
        <v>0.318</v>
      </c>
      <c r="C10" s="5">
        <v>0.68200000000000005</v>
      </c>
      <c r="D10" s="5">
        <v>0</v>
      </c>
      <c r="E10" s="5">
        <v>1</v>
      </c>
    </row>
    <row r="11" spans="1:6" ht="14.25" customHeight="1">
      <c r="A11" s="73" t="s">
        <v>29</v>
      </c>
      <c r="B11" s="4">
        <v>2030</v>
      </c>
      <c r="C11" s="4">
        <v>1640</v>
      </c>
      <c r="D11" s="4">
        <v>15</v>
      </c>
      <c r="E11" s="4">
        <v>3685</v>
      </c>
    </row>
    <row r="12" spans="1:6">
      <c r="A12" s="74"/>
      <c r="B12" s="5">
        <v>0.55100000000000005</v>
      </c>
      <c r="C12" s="5">
        <v>0.44500000000000001</v>
      </c>
      <c r="D12" s="5">
        <v>4.0000000000000001E-3</v>
      </c>
      <c r="E12" s="5">
        <v>1</v>
      </c>
    </row>
    <row r="13" spans="1:6">
      <c r="A13" s="54" t="s">
        <v>123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2"/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33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189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132</v>
      </c>
      <c r="B5" s="4">
        <v>1239</v>
      </c>
      <c r="C5" s="4">
        <v>402</v>
      </c>
      <c r="D5" s="4">
        <v>100</v>
      </c>
      <c r="E5" s="4">
        <v>1741</v>
      </c>
    </row>
    <row r="6" spans="1:6">
      <c r="A6" s="61"/>
      <c r="B6" s="5">
        <v>0.71199999999999997</v>
      </c>
      <c r="C6" s="5">
        <v>0.23100000000000001</v>
      </c>
      <c r="D6" s="5">
        <v>5.7000000000000002E-2</v>
      </c>
      <c r="E6" s="5">
        <v>1</v>
      </c>
    </row>
    <row r="7" spans="1:6">
      <c r="A7" s="56" t="s">
        <v>133</v>
      </c>
      <c r="B7" s="6">
        <v>200</v>
      </c>
      <c r="C7" s="6">
        <v>58</v>
      </c>
      <c r="D7" s="6">
        <v>24</v>
      </c>
      <c r="E7" s="4">
        <v>282</v>
      </c>
    </row>
    <row r="8" spans="1:6">
      <c r="A8" s="57"/>
      <c r="B8" s="5">
        <v>0.70899999999999996</v>
      </c>
      <c r="C8" s="5">
        <v>0.20599999999999999</v>
      </c>
      <c r="D8" s="5">
        <v>8.5000000000000006E-2</v>
      </c>
      <c r="E8" s="5">
        <v>1</v>
      </c>
    </row>
    <row r="9" spans="1:6">
      <c r="A9" s="56" t="s">
        <v>171</v>
      </c>
      <c r="B9" s="6">
        <v>5</v>
      </c>
      <c r="C9" s="6">
        <v>1</v>
      </c>
      <c r="D9" s="6">
        <v>1</v>
      </c>
      <c r="E9" s="6">
        <v>7</v>
      </c>
    </row>
    <row r="10" spans="1:6">
      <c r="A10" s="57"/>
      <c r="B10" s="5">
        <v>0.71399999999999997</v>
      </c>
      <c r="C10" s="5">
        <v>0.14299999999999999</v>
      </c>
      <c r="D10" s="5">
        <v>0.14299999999999999</v>
      </c>
      <c r="E10" s="5">
        <v>1</v>
      </c>
    </row>
    <row r="11" spans="1:6" ht="14.25" customHeight="1">
      <c r="A11" s="73" t="s">
        <v>29</v>
      </c>
      <c r="B11" s="4">
        <v>1444</v>
      </c>
      <c r="C11" s="4">
        <v>461</v>
      </c>
      <c r="D11" s="4">
        <v>125</v>
      </c>
      <c r="E11" s="4">
        <v>2030</v>
      </c>
    </row>
    <row r="12" spans="1:6">
      <c r="A12" s="74"/>
      <c r="B12" s="5">
        <v>0.71099999999999997</v>
      </c>
      <c r="C12" s="5">
        <v>0.22700000000000001</v>
      </c>
      <c r="D12" s="5">
        <v>6.2E-2</v>
      </c>
      <c r="E12" s="5">
        <v>1</v>
      </c>
    </row>
    <row r="13" spans="1:6">
      <c r="A13" s="54" t="s">
        <v>125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/>
  <dimension ref="A1:O14"/>
  <sheetViews>
    <sheetView workbookViewId="0">
      <selection activeCell="A2" sqref="A2"/>
    </sheetView>
  </sheetViews>
  <sheetFormatPr defaultColWidth="9" defaultRowHeight="14.25"/>
  <cols>
    <col min="1" max="1" width="11.625" style="1" customWidth="1"/>
    <col min="2" max="16384" width="9" style="1"/>
  </cols>
  <sheetData>
    <row r="1" spans="1:15">
      <c r="A1" s="1" t="s">
        <v>634</v>
      </c>
    </row>
    <row r="2" spans="1:15" ht="14.25" customHeight="1">
      <c r="A2" s="41" t="s">
        <v>812</v>
      </c>
      <c r="C2" s="7"/>
      <c r="D2" s="7"/>
      <c r="E2" s="7"/>
      <c r="F2" s="7"/>
      <c r="G2" s="7"/>
    </row>
    <row r="3" spans="1:15" ht="14.25" customHeight="1">
      <c r="A3" s="78" t="s">
        <v>189</v>
      </c>
      <c r="B3" s="53" t="s">
        <v>126</v>
      </c>
      <c r="C3" s="53"/>
      <c r="D3" s="53"/>
      <c r="E3" s="53"/>
      <c r="F3" s="53"/>
      <c r="G3" s="53"/>
      <c r="H3" s="2"/>
    </row>
    <row r="4" spans="1:15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15">
      <c r="A5" s="56" t="s">
        <v>132</v>
      </c>
      <c r="B5" s="4">
        <v>477</v>
      </c>
      <c r="C5" s="4">
        <v>1064</v>
      </c>
      <c r="D5" s="4">
        <v>951</v>
      </c>
      <c r="E5" s="4">
        <v>538</v>
      </c>
      <c r="F5" s="4">
        <v>103</v>
      </c>
      <c r="G5" s="4">
        <v>3133</v>
      </c>
    </row>
    <row r="6" spans="1:15">
      <c r="A6" s="61"/>
      <c r="B6" s="5">
        <v>0.152</v>
      </c>
      <c r="C6" s="5">
        <v>0.34</v>
      </c>
      <c r="D6" s="5">
        <v>0.30399999999999999</v>
      </c>
      <c r="E6" s="5">
        <v>0.17199999999999999</v>
      </c>
      <c r="F6" s="5">
        <v>3.3000000000000002E-2</v>
      </c>
      <c r="G6" s="5">
        <v>1</v>
      </c>
      <c r="J6" s="9"/>
      <c r="K6" s="9"/>
      <c r="L6" s="9"/>
      <c r="M6" s="9"/>
      <c r="N6" s="9"/>
      <c r="O6" s="9"/>
    </row>
    <row r="7" spans="1:15">
      <c r="A7" s="56" t="s">
        <v>133</v>
      </c>
      <c r="B7" s="6">
        <v>114</v>
      </c>
      <c r="C7" s="6">
        <v>187</v>
      </c>
      <c r="D7" s="6">
        <v>122</v>
      </c>
      <c r="E7" s="6">
        <v>90</v>
      </c>
      <c r="F7" s="6">
        <v>17</v>
      </c>
      <c r="G7" s="4">
        <v>530</v>
      </c>
    </row>
    <row r="8" spans="1:15">
      <c r="A8" s="57"/>
      <c r="B8" s="5">
        <v>0.215</v>
      </c>
      <c r="C8" s="5">
        <v>0.35299999999999998</v>
      </c>
      <c r="D8" s="5">
        <v>0.23</v>
      </c>
      <c r="E8" s="5">
        <v>0.17</v>
      </c>
      <c r="F8" s="5">
        <v>3.2000000000000001E-2</v>
      </c>
      <c r="G8" s="5">
        <v>1</v>
      </c>
      <c r="J8" s="9"/>
      <c r="K8" s="9"/>
      <c r="L8" s="9"/>
      <c r="M8" s="9"/>
      <c r="N8" s="9"/>
      <c r="O8" s="9"/>
    </row>
    <row r="9" spans="1:15">
      <c r="A9" s="56" t="s">
        <v>171</v>
      </c>
      <c r="B9" s="6">
        <v>3</v>
      </c>
      <c r="C9" s="6">
        <v>8</v>
      </c>
      <c r="D9" s="6">
        <v>5</v>
      </c>
      <c r="E9" s="6">
        <v>3</v>
      </c>
      <c r="F9" s="6">
        <v>3</v>
      </c>
      <c r="G9" s="6">
        <v>22</v>
      </c>
    </row>
    <row r="10" spans="1:15">
      <c r="A10" s="57"/>
      <c r="B10" s="5">
        <v>0.13600000000000001</v>
      </c>
      <c r="C10" s="5">
        <v>0.36399999999999999</v>
      </c>
      <c r="D10" s="5">
        <v>0.22700000000000001</v>
      </c>
      <c r="E10" s="5">
        <v>0.13600000000000001</v>
      </c>
      <c r="F10" s="5">
        <v>0.13600000000000001</v>
      </c>
      <c r="G10" s="5">
        <v>1</v>
      </c>
      <c r="J10" s="9"/>
      <c r="K10" s="9"/>
      <c r="L10" s="9"/>
      <c r="M10" s="9"/>
      <c r="N10" s="9"/>
      <c r="O10" s="9"/>
    </row>
    <row r="11" spans="1:15" ht="14.25" customHeight="1">
      <c r="A11" s="73" t="s">
        <v>29</v>
      </c>
      <c r="B11" s="4">
        <v>594</v>
      </c>
      <c r="C11" s="4">
        <v>1259</v>
      </c>
      <c r="D11" s="4">
        <v>1078</v>
      </c>
      <c r="E11" s="4">
        <v>631</v>
      </c>
      <c r="F11" s="4">
        <v>123</v>
      </c>
      <c r="G11" s="4">
        <v>3685</v>
      </c>
    </row>
    <row r="12" spans="1:15">
      <c r="A12" s="74"/>
      <c r="B12" s="5">
        <v>0.161</v>
      </c>
      <c r="C12" s="5">
        <v>0.34200000000000003</v>
      </c>
      <c r="D12" s="5">
        <v>0.29299999999999998</v>
      </c>
      <c r="E12" s="5">
        <v>0.17100000000000001</v>
      </c>
      <c r="F12" s="5">
        <v>3.3000000000000002E-2</v>
      </c>
      <c r="G12" s="5">
        <v>1</v>
      </c>
      <c r="J12" s="9"/>
      <c r="K12" s="9"/>
      <c r="L12" s="9"/>
      <c r="M12" s="9"/>
      <c r="N12" s="9"/>
      <c r="O12" s="9"/>
    </row>
    <row r="13" spans="1:15">
      <c r="A13" s="54" t="s">
        <v>127</v>
      </c>
      <c r="B13" s="54"/>
      <c r="C13" s="54"/>
      <c r="D13" s="54"/>
      <c r="E13" s="54"/>
      <c r="F13" s="54"/>
      <c r="G13" s="54"/>
    </row>
    <row r="14" spans="1:15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112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26</v>
      </c>
      <c r="B3" s="53" t="s">
        <v>113</v>
      </c>
      <c r="C3" s="53"/>
      <c r="D3" s="53"/>
      <c r="E3" s="53"/>
      <c r="F3" s="2"/>
    </row>
    <row r="4" spans="1:13" ht="28.5">
      <c r="A4" s="60"/>
      <c r="B4" s="8" t="s">
        <v>151</v>
      </c>
      <c r="C4" s="8" t="s">
        <v>152</v>
      </c>
      <c r="D4" s="8" t="s">
        <v>42</v>
      </c>
      <c r="E4" s="8" t="s">
        <v>29</v>
      </c>
    </row>
    <row r="5" spans="1:13">
      <c r="A5" s="56" t="s">
        <v>30</v>
      </c>
      <c r="B5" s="4">
        <v>1395</v>
      </c>
      <c r="C5" s="4">
        <v>10</v>
      </c>
      <c r="D5" s="4">
        <v>1</v>
      </c>
      <c r="E5" s="4">
        <v>1406</v>
      </c>
    </row>
    <row r="6" spans="1:13">
      <c r="A6" s="61"/>
      <c r="B6" s="5">
        <v>0.99199999999999999</v>
      </c>
      <c r="C6" s="5">
        <v>7.0000000000000001E-3</v>
      </c>
      <c r="D6" s="5">
        <v>1E-3</v>
      </c>
      <c r="E6" s="5">
        <v>1</v>
      </c>
    </row>
    <row r="7" spans="1:13">
      <c r="A7" s="56" t="s">
        <v>31</v>
      </c>
      <c r="B7" s="6">
        <v>754</v>
      </c>
      <c r="C7" s="6">
        <v>9</v>
      </c>
      <c r="D7" s="6">
        <v>2</v>
      </c>
      <c r="E7" s="4">
        <v>765</v>
      </c>
    </row>
    <row r="8" spans="1:13">
      <c r="A8" s="57"/>
      <c r="B8" s="5">
        <v>0.98599999999999999</v>
      </c>
      <c r="C8" s="5">
        <v>1.2E-2</v>
      </c>
      <c r="D8" s="5">
        <v>3.0000000000000001E-3</v>
      </c>
      <c r="E8" s="5">
        <v>1</v>
      </c>
      <c r="J8" s="9"/>
      <c r="K8" s="9"/>
      <c r="L8" s="9"/>
      <c r="M8" s="9"/>
    </row>
    <row r="9" spans="1:13">
      <c r="A9" s="56" t="s">
        <v>32</v>
      </c>
      <c r="B9" s="6">
        <v>234</v>
      </c>
      <c r="C9" s="6">
        <v>3</v>
      </c>
      <c r="D9" s="6">
        <v>3</v>
      </c>
      <c r="E9" s="6">
        <v>240</v>
      </c>
    </row>
    <row r="10" spans="1:13">
      <c r="A10" s="57"/>
      <c r="B10" s="5">
        <v>0.97499999999999998</v>
      </c>
      <c r="C10" s="5">
        <v>1.2999999999999999E-2</v>
      </c>
      <c r="D10" s="5">
        <v>1.2999999999999999E-2</v>
      </c>
      <c r="E10" s="5">
        <v>1</v>
      </c>
      <c r="J10" s="9"/>
      <c r="K10" s="9"/>
      <c r="L10" s="9"/>
      <c r="M10" s="9"/>
    </row>
    <row r="11" spans="1:13" ht="14.25" customHeight="1">
      <c r="A11" s="58" t="s">
        <v>38</v>
      </c>
      <c r="B11" s="6">
        <v>195</v>
      </c>
      <c r="C11" s="6">
        <v>2</v>
      </c>
      <c r="D11" s="6">
        <v>2</v>
      </c>
      <c r="E11" s="6">
        <v>199</v>
      </c>
    </row>
    <row r="12" spans="1:13">
      <c r="A12" s="59"/>
      <c r="B12" s="5">
        <v>0.98</v>
      </c>
      <c r="C12" s="5">
        <v>0.01</v>
      </c>
      <c r="D12" s="5">
        <v>0.01</v>
      </c>
      <c r="E12" s="5">
        <v>1</v>
      </c>
      <c r="J12" s="9"/>
      <c r="K12" s="9"/>
      <c r="L12" s="9"/>
      <c r="M12" s="9"/>
    </row>
    <row r="13" spans="1:13">
      <c r="A13" s="56" t="s">
        <v>33</v>
      </c>
      <c r="B13" s="6">
        <v>284</v>
      </c>
      <c r="C13" s="6">
        <v>5</v>
      </c>
      <c r="D13" s="6">
        <v>0</v>
      </c>
      <c r="E13" s="6">
        <v>289</v>
      </c>
    </row>
    <row r="14" spans="1:13">
      <c r="A14" s="57"/>
      <c r="B14" s="5">
        <v>0.98299999999999998</v>
      </c>
      <c r="C14" s="5">
        <v>1.7000000000000001E-2</v>
      </c>
      <c r="D14" s="5">
        <v>0</v>
      </c>
      <c r="E14" s="5">
        <v>1</v>
      </c>
      <c r="J14" s="9"/>
      <c r="K14" s="9"/>
      <c r="L14" s="9"/>
      <c r="M14" s="9"/>
    </row>
    <row r="15" spans="1:13">
      <c r="A15" s="56" t="s">
        <v>34</v>
      </c>
      <c r="B15" s="6">
        <v>248</v>
      </c>
      <c r="C15" s="6">
        <v>4</v>
      </c>
      <c r="D15" s="6">
        <v>0</v>
      </c>
      <c r="E15" s="6">
        <v>252</v>
      </c>
    </row>
    <row r="16" spans="1:13">
      <c r="A16" s="57"/>
      <c r="B16" s="5">
        <v>0.98399999999999999</v>
      </c>
      <c r="C16" s="5">
        <v>1.6E-2</v>
      </c>
      <c r="D16" s="5">
        <v>0</v>
      </c>
      <c r="E16" s="5">
        <v>1</v>
      </c>
      <c r="J16" s="9"/>
      <c r="K16" s="9"/>
      <c r="L16" s="9"/>
      <c r="M16" s="9"/>
    </row>
    <row r="17" spans="1:13">
      <c r="A17" s="56" t="s">
        <v>35</v>
      </c>
      <c r="B17" s="6">
        <v>371</v>
      </c>
      <c r="C17" s="6">
        <v>5</v>
      </c>
      <c r="D17" s="6">
        <v>0</v>
      </c>
      <c r="E17" s="6">
        <v>376</v>
      </c>
    </row>
    <row r="18" spans="1:13">
      <c r="A18" s="57"/>
      <c r="B18" s="5">
        <v>0.98699999999999999</v>
      </c>
      <c r="C18" s="5">
        <v>1.2999999999999999E-2</v>
      </c>
      <c r="D18" s="5">
        <v>0</v>
      </c>
      <c r="E18" s="5">
        <v>1</v>
      </c>
      <c r="J18" s="9"/>
      <c r="K18" s="9"/>
      <c r="L18" s="9"/>
      <c r="M18" s="9"/>
    </row>
    <row r="19" spans="1:13">
      <c r="A19" s="56" t="s">
        <v>36</v>
      </c>
      <c r="B19" s="6">
        <v>156</v>
      </c>
      <c r="C19" s="6">
        <v>1</v>
      </c>
      <c r="D19" s="6">
        <v>1</v>
      </c>
      <c r="E19" s="6">
        <v>158</v>
      </c>
    </row>
    <row r="20" spans="1:13">
      <c r="A20" s="57"/>
      <c r="B20" s="5">
        <v>0.98699999999999999</v>
      </c>
      <c r="C20" s="5">
        <v>6.0000000000000001E-3</v>
      </c>
      <c r="D20" s="5">
        <v>6.0000000000000001E-3</v>
      </c>
      <c r="E20" s="5">
        <v>1</v>
      </c>
      <c r="J20" s="9"/>
      <c r="K20" s="9"/>
      <c r="L20" s="9"/>
      <c r="M20" s="9"/>
    </row>
    <row r="21" spans="1:13">
      <c r="A21" s="56" t="s">
        <v>29</v>
      </c>
      <c r="B21" s="4">
        <v>3637</v>
      </c>
      <c r="C21" s="4">
        <v>39</v>
      </c>
      <c r="D21" s="4">
        <v>9</v>
      </c>
      <c r="E21" s="4">
        <v>3685</v>
      </c>
    </row>
    <row r="22" spans="1:13">
      <c r="A22" s="57"/>
      <c r="B22" s="5">
        <v>0.98699999999999999</v>
      </c>
      <c r="C22" s="5">
        <v>1.0999999999999999E-2</v>
      </c>
      <c r="D22" s="5">
        <v>2E-3</v>
      </c>
      <c r="E22" s="5">
        <v>1</v>
      </c>
      <c r="J22" s="9"/>
      <c r="K22" s="9"/>
      <c r="L22" s="9"/>
      <c r="M22" s="9"/>
    </row>
    <row r="23" spans="1:13">
      <c r="A23" s="54" t="s">
        <v>106</v>
      </c>
      <c r="B23" s="54"/>
      <c r="C23" s="54"/>
      <c r="D23" s="54"/>
      <c r="E23" s="54"/>
    </row>
    <row r="24" spans="1:13">
      <c r="A24" s="55"/>
      <c r="B24" s="55"/>
      <c r="C24" s="55"/>
      <c r="D24" s="55"/>
      <c r="E24" s="55"/>
      <c r="J24" s="9"/>
      <c r="K24" s="9"/>
      <c r="L24" s="9"/>
      <c r="M24" s="9"/>
    </row>
  </sheetData>
  <mergeCells count="12">
    <mergeCell ref="A23:E24"/>
    <mergeCell ref="A3:A4"/>
    <mergeCell ref="B3:E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4"/>
  <dimension ref="A1:L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2">
      <c r="A1" s="1" t="s">
        <v>635</v>
      </c>
    </row>
    <row r="2" spans="1:12" ht="14.25" customHeight="1">
      <c r="A2" s="41" t="s">
        <v>812</v>
      </c>
      <c r="C2" s="7"/>
      <c r="D2" s="7"/>
      <c r="E2" s="7"/>
      <c r="F2" s="7"/>
    </row>
    <row r="3" spans="1:12" ht="14.25" customHeight="1">
      <c r="A3" s="78" t="s">
        <v>189</v>
      </c>
      <c r="B3" s="53" t="s">
        <v>128</v>
      </c>
      <c r="C3" s="53"/>
      <c r="D3" s="53"/>
      <c r="E3" s="53"/>
      <c r="F3" s="53"/>
      <c r="G3" s="2"/>
    </row>
    <row r="4" spans="1:12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12">
      <c r="A5" s="56" t="s">
        <v>132</v>
      </c>
      <c r="B5" s="4">
        <v>159</v>
      </c>
      <c r="C5" s="4">
        <v>2405</v>
      </c>
      <c r="D5" s="4">
        <v>563</v>
      </c>
      <c r="E5" s="4">
        <v>6</v>
      </c>
      <c r="F5" s="4">
        <v>3133</v>
      </c>
    </row>
    <row r="6" spans="1:12">
      <c r="A6" s="61"/>
      <c r="B6" s="5">
        <v>5.0999999999999997E-2</v>
      </c>
      <c r="C6" s="5">
        <v>0.76800000000000002</v>
      </c>
      <c r="D6" s="5">
        <v>0.18</v>
      </c>
      <c r="E6" s="5">
        <v>2E-3</v>
      </c>
      <c r="F6" s="5">
        <v>1</v>
      </c>
      <c r="H6" s="9"/>
      <c r="I6" s="9"/>
      <c r="J6" s="9"/>
      <c r="K6" s="9"/>
      <c r="L6" s="9"/>
    </row>
    <row r="7" spans="1:12">
      <c r="A7" s="56" t="s">
        <v>133</v>
      </c>
      <c r="B7" s="6">
        <v>25</v>
      </c>
      <c r="C7" s="6">
        <v>403</v>
      </c>
      <c r="D7" s="6">
        <v>102</v>
      </c>
      <c r="E7" s="6">
        <v>0</v>
      </c>
      <c r="F7" s="4">
        <v>530</v>
      </c>
    </row>
    <row r="8" spans="1:12">
      <c r="A8" s="57"/>
      <c r="B8" s="5">
        <v>4.7E-2</v>
      </c>
      <c r="C8" s="5">
        <v>0.76</v>
      </c>
      <c r="D8" s="5">
        <v>0.192</v>
      </c>
      <c r="E8" s="5">
        <v>0</v>
      </c>
      <c r="F8" s="5">
        <v>1</v>
      </c>
      <c r="H8" s="9"/>
      <c r="I8" s="9"/>
      <c r="J8" s="9"/>
      <c r="K8" s="9"/>
      <c r="L8" s="9"/>
    </row>
    <row r="9" spans="1:12">
      <c r="A9" s="56" t="s">
        <v>171</v>
      </c>
      <c r="B9" s="6">
        <v>2</v>
      </c>
      <c r="C9" s="6">
        <v>13</v>
      </c>
      <c r="D9" s="6">
        <v>7</v>
      </c>
      <c r="E9" s="6">
        <v>0</v>
      </c>
      <c r="F9" s="6">
        <v>22</v>
      </c>
    </row>
    <row r="10" spans="1:12">
      <c r="A10" s="57"/>
      <c r="B10" s="5">
        <v>9.0999999999999998E-2</v>
      </c>
      <c r="C10" s="5">
        <v>0.59099999999999997</v>
      </c>
      <c r="D10" s="5">
        <v>0.318</v>
      </c>
      <c r="E10" s="5">
        <v>0</v>
      </c>
      <c r="F10" s="5">
        <v>1</v>
      </c>
      <c r="H10" s="9"/>
      <c r="I10" s="9"/>
      <c r="J10" s="9"/>
      <c r="K10" s="9"/>
      <c r="L10" s="9"/>
    </row>
    <row r="11" spans="1:12" ht="14.25" customHeight="1">
      <c r="A11" s="73" t="s">
        <v>29</v>
      </c>
      <c r="B11" s="4">
        <v>186</v>
      </c>
      <c r="C11" s="4">
        <v>2821</v>
      </c>
      <c r="D11" s="4">
        <v>672</v>
      </c>
      <c r="E11" s="4">
        <v>6</v>
      </c>
      <c r="F11" s="4">
        <v>3685</v>
      </c>
    </row>
    <row r="12" spans="1:12">
      <c r="A12" s="74"/>
      <c r="B12" s="5">
        <v>0.05</v>
      </c>
      <c r="C12" s="5">
        <v>0.76600000000000001</v>
      </c>
      <c r="D12" s="5">
        <v>0.182</v>
      </c>
      <c r="E12" s="5">
        <v>2E-3</v>
      </c>
      <c r="F12" s="5">
        <v>1</v>
      </c>
      <c r="H12" s="9"/>
      <c r="I12" s="9"/>
      <c r="J12" s="9"/>
      <c r="K12" s="9"/>
      <c r="L12" s="9"/>
    </row>
    <row r="13" spans="1:12">
      <c r="A13" s="54" t="s">
        <v>129</v>
      </c>
      <c r="B13" s="54"/>
      <c r="C13" s="54"/>
      <c r="D13" s="54"/>
      <c r="E13" s="54"/>
      <c r="F13" s="54"/>
    </row>
    <row r="14" spans="1:12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5"/>
  <dimension ref="A1:N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4">
      <c r="A1" s="1" t="s">
        <v>636</v>
      </c>
    </row>
    <row r="2" spans="1:14" ht="14.25" customHeight="1">
      <c r="A2" s="41" t="s">
        <v>812</v>
      </c>
      <c r="C2" s="7"/>
      <c r="D2" s="7"/>
      <c r="E2" s="7"/>
      <c r="F2" s="7"/>
      <c r="G2" s="7"/>
    </row>
    <row r="3" spans="1:14" ht="14.25" customHeight="1">
      <c r="A3" s="78" t="s">
        <v>189</v>
      </c>
      <c r="B3" s="53" t="s">
        <v>130</v>
      </c>
      <c r="C3" s="53"/>
      <c r="D3" s="53"/>
      <c r="E3" s="53"/>
      <c r="F3" s="53"/>
      <c r="G3" s="53"/>
      <c r="H3" s="2"/>
    </row>
    <row r="4" spans="1:14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14">
      <c r="A5" s="56" t="s">
        <v>132</v>
      </c>
      <c r="B5" s="4">
        <v>105</v>
      </c>
      <c r="C5" s="4">
        <v>30</v>
      </c>
      <c r="D5" s="4">
        <v>7</v>
      </c>
      <c r="E5" s="4">
        <v>11</v>
      </c>
      <c r="F5" s="4">
        <v>6</v>
      </c>
      <c r="G5" s="4">
        <v>159</v>
      </c>
    </row>
    <row r="6" spans="1:14">
      <c r="A6" s="61"/>
      <c r="B6" s="5">
        <v>0.66</v>
      </c>
      <c r="C6" s="5">
        <v>0.189</v>
      </c>
      <c r="D6" s="5">
        <v>4.3999999999999997E-2</v>
      </c>
      <c r="E6" s="5">
        <v>6.9000000000000006E-2</v>
      </c>
      <c r="F6" s="5">
        <v>3.7999999999999999E-2</v>
      </c>
      <c r="G6" s="5">
        <v>1</v>
      </c>
      <c r="I6" s="9"/>
      <c r="J6" s="9"/>
      <c r="K6" s="9"/>
      <c r="L6" s="9"/>
      <c r="M6" s="9"/>
      <c r="N6" s="9"/>
    </row>
    <row r="7" spans="1:14">
      <c r="A7" s="56" t="s">
        <v>133</v>
      </c>
      <c r="B7" s="6">
        <v>15</v>
      </c>
      <c r="C7" s="6">
        <v>6</v>
      </c>
      <c r="D7" s="6">
        <v>2</v>
      </c>
      <c r="E7" s="6">
        <v>1</v>
      </c>
      <c r="F7" s="6">
        <v>1</v>
      </c>
      <c r="G7" s="4">
        <v>25</v>
      </c>
    </row>
    <row r="8" spans="1:14">
      <c r="A8" s="57"/>
      <c r="B8" s="5">
        <v>0.6</v>
      </c>
      <c r="C8" s="5">
        <v>0.24</v>
      </c>
      <c r="D8" s="5">
        <v>0.08</v>
      </c>
      <c r="E8" s="5">
        <v>0.04</v>
      </c>
      <c r="F8" s="5">
        <v>0.04</v>
      </c>
      <c r="G8" s="5">
        <v>1</v>
      </c>
      <c r="I8" s="9"/>
      <c r="J8" s="9"/>
      <c r="K8" s="9"/>
      <c r="L8" s="9"/>
      <c r="M8" s="9"/>
      <c r="N8" s="9"/>
    </row>
    <row r="9" spans="1:14">
      <c r="A9" s="56" t="s">
        <v>171</v>
      </c>
      <c r="B9" s="6">
        <v>0</v>
      </c>
      <c r="C9" s="6">
        <v>1</v>
      </c>
      <c r="D9" s="6">
        <v>1</v>
      </c>
      <c r="E9" s="6">
        <v>0</v>
      </c>
      <c r="F9" s="6">
        <v>0</v>
      </c>
      <c r="G9" s="6">
        <v>2</v>
      </c>
    </row>
    <row r="10" spans="1:14">
      <c r="A10" s="57"/>
      <c r="B10" s="5">
        <v>0</v>
      </c>
      <c r="C10" s="5">
        <v>0.5</v>
      </c>
      <c r="D10" s="5">
        <v>0.5</v>
      </c>
      <c r="E10" s="5">
        <v>0</v>
      </c>
      <c r="F10" s="5">
        <v>0</v>
      </c>
      <c r="G10" s="5">
        <v>1</v>
      </c>
      <c r="I10" s="9"/>
      <c r="J10" s="9"/>
      <c r="K10" s="9"/>
      <c r="L10" s="9"/>
      <c r="M10" s="9"/>
      <c r="N10" s="9"/>
    </row>
    <row r="11" spans="1:14" ht="14.25" customHeight="1">
      <c r="A11" s="73" t="s">
        <v>29</v>
      </c>
      <c r="B11" s="6">
        <v>120</v>
      </c>
      <c r="C11" s="6">
        <v>37</v>
      </c>
      <c r="D11" s="6">
        <v>10</v>
      </c>
      <c r="E11" s="6">
        <v>12</v>
      </c>
      <c r="F11" s="6">
        <v>7</v>
      </c>
      <c r="G11" s="6">
        <v>186</v>
      </c>
    </row>
    <row r="12" spans="1:14">
      <c r="A12" s="74"/>
      <c r="B12" s="5">
        <v>0.64500000000000002</v>
      </c>
      <c r="C12" s="5">
        <v>0.19900000000000001</v>
      </c>
      <c r="D12" s="5">
        <v>5.3999999999999999E-2</v>
      </c>
      <c r="E12" s="5">
        <v>6.5000000000000002E-2</v>
      </c>
      <c r="F12" s="5">
        <v>3.7999999999999999E-2</v>
      </c>
      <c r="G12" s="5">
        <v>1</v>
      </c>
      <c r="I12" s="9"/>
      <c r="J12" s="9"/>
      <c r="K12" s="9"/>
      <c r="L12" s="9"/>
      <c r="M12" s="9"/>
      <c r="N12" s="9"/>
    </row>
    <row r="13" spans="1:14">
      <c r="A13" s="54" t="s">
        <v>131</v>
      </c>
      <c r="B13" s="54"/>
      <c r="C13" s="54"/>
      <c r="D13" s="54"/>
      <c r="E13" s="54"/>
      <c r="F13" s="54"/>
      <c r="G13" s="54"/>
    </row>
    <row r="14" spans="1:14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6"/>
  <dimension ref="A1:M20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7" width="9" style="1"/>
    <col min="8" max="8" width="22" style="1" customWidth="1"/>
    <col min="9" max="16384" width="9" style="1"/>
  </cols>
  <sheetData>
    <row r="1" spans="1:13">
      <c r="A1" s="1" t="s">
        <v>637</v>
      </c>
    </row>
    <row r="2" spans="1:13" ht="14.25" customHeight="1">
      <c r="A2" s="41" t="s">
        <v>812</v>
      </c>
      <c r="C2" s="7"/>
      <c r="D2" s="7"/>
      <c r="E2" s="7"/>
      <c r="F2" s="7"/>
    </row>
    <row r="3" spans="1:13" ht="14.25" customHeight="1">
      <c r="A3" s="60" t="s">
        <v>192</v>
      </c>
      <c r="B3" s="53" t="s">
        <v>111</v>
      </c>
      <c r="C3" s="53"/>
      <c r="D3" s="53"/>
      <c r="E3" s="53"/>
      <c r="F3" s="53"/>
      <c r="G3" s="2"/>
    </row>
    <row r="4" spans="1:13" ht="42.75">
      <c r="A4" s="60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13">
      <c r="A5" s="73" t="s">
        <v>193</v>
      </c>
      <c r="B5" s="4">
        <v>507</v>
      </c>
      <c r="C5" s="4">
        <v>21</v>
      </c>
      <c r="D5" s="4">
        <v>0</v>
      </c>
      <c r="E5" s="4">
        <v>0</v>
      </c>
      <c r="F5" s="4">
        <v>528</v>
      </c>
    </row>
    <row r="6" spans="1:13">
      <c r="A6" s="77"/>
      <c r="B6" s="5">
        <v>0.96</v>
      </c>
      <c r="C6" s="5">
        <v>0.04</v>
      </c>
      <c r="D6" s="5">
        <v>0</v>
      </c>
      <c r="E6" s="5">
        <v>0</v>
      </c>
      <c r="F6" s="5">
        <v>1</v>
      </c>
      <c r="I6" s="9"/>
      <c r="J6" s="9"/>
      <c r="K6" s="9"/>
      <c r="L6" s="9"/>
      <c r="M6" s="9"/>
    </row>
    <row r="7" spans="1:13">
      <c r="A7" s="73" t="s">
        <v>194</v>
      </c>
      <c r="B7" s="4">
        <v>2525</v>
      </c>
      <c r="C7" s="4">
        <v>68</v>
      </c>
      <c r="D7" s="4">
        <v>7</v>
      </c>
      <c r="E7" s="4">
        <v>2</v>
      </c>
      <c r="F7" s="4">
        <v>2602</v>
      </c>
    </row>
    <row r="8" spans="1:13">
      <c r="A8" s="74"/>
      <c r="B8" s="5">
        <v>0.97</v>
      </c>
      <c r="C8" s="5">
        <v>2.5999999999999999E-2</v>
      </c>
      <c r="D8" s="5">
        <v>3.0000000000000001E-3</v>
      </c>
      <c r="E8" s="5">
        <v>1E-3</v>
      </c>
      <c r="F8" s="5">
        <v>1</v>
      </c>
      <c r="I8" s="9"/>
      <c r="J8" s="9"/>
      <c r="K8" s="9"/>
      <c r="L8" s="9"/>
      <c r="M8" s="9"/>
    </row>
    <row r="9" spans="1:13">
      <c r="A9" s="73" t="s">
        <v>195</v>
      </c>
      <c r="B9" s="6">
        <v>491</v>
      </c>
      <c r="C9" s="6">
        <v>15</v>
      </c>
      <c r="D9" s="6">
        <v>0</v>
      </c>
      <c r="E9" s="6">
        <v>0</v>
      </c>
      <c r="F9" s="6">
        <v>506</v>
      </c>
    </row>
    <row r="10" spans="1:13">
      <c r="A10" s="74"/>
      <c r="B10" s="5">
        <v>0.97</v>
      </c>
      <c r="C10" s="5">
        <v>0.03</v>
      </c>
      <c r="D10" s="5">
        <v>0</v>
      </c>
      <c r="E10" s="5">
        <v>0</v>
      </c>
      <c r="F10" s="5">
        <v>1</v>
      </c>
      <c r="I10" s="9"/>
      <c r="J10" s="9"/>
      <c r="K10" s="9"/>
      <c r="L10" s="9"/>
      <c r="M10" s="9"/>
    </row>
    <row r="11" spans="1:13" ht="14.25" customHeight="1">
      <c r="A11" s="58" t="s">
        <v>196</v>
      </c>
      <c r="B11" s="6">
        <v>11</v>
      </c>
      <c r="C11" s="6">
        <v>0</v>
      </c>
      <c r="D11" s="6">
        <v>0</v>
      </c>
      <c r="E11" s="6">
        <v>0</v>
      </c>
      <c r="F11" s="6">
        <v>11</v>
      </c>
    </row>
    <row r="12" spans="1:13">
      <c r="A12" s="59"/>
      <c r="B12" s="5">
        <v>1</v>
      </c>
      <c r="C12" s="5">
        <v>0</v>
      </c>
      <c r="D12" s="5">
        <v>0</v>
      </c>
      <c r="E12" s="5">
        <v>0</v>
      </c>
      <c r="F12" s="5">
        <v>1</v>
      </c>
      <c r="I12" s="9"/>
      <c r="J12" s="9"/>
      <c r="K12" s="9"/>
      <c r="L12" s="9"/>
      <c r="M12" s="9"/>
    </row>
    <row r="13" spans="1:13">
      <c r="A13" s="56" t="s">
        <v>159</v>
      </c>
      <c r="B13" s="6">
        <v>26</v>
      </c>
      <c r="C13" s="6">
        <v>0</v>
      </c>
      <c r="D13" s="6">
        <v>0</v>
      </c>
      <c r="E13" s="6">
        <v>0</v>
      </c>
      <c r="F13" s="6">
        <v>26</v>
      </c>
    </row>
    <row r="14" spans="1:13">
      <c r="A14" s="57"/>
      <c r="B14" s="5">
        <v>1</v>
      </c>
      <c r="C14" s="5">
        <v>0</v>
      </c>
      <c r="D14" s="5">
        <v>0</v>
      </c>
      <c r="E14" s="5">
        <v>0</v>
      </c>
      <c r="F14" s="5">
        <v>1</v>
      </c>
      <c r="I14" s="9"/>
      <c r="J14" s="9"/>
      <c r="K14" s="9"/>
      <c r="L14" s="9"/>
      <c r="M14" s="9"/>
    </row>
    <row r="15" spans="1:13">
      <c r="A15" s="56" t="s">
        <v>171</v>
      </c>
      <c r="B15" s="6">
        <v>12</v>
      </c>
      <c r="C15" s="6">
        <v>0</v>
      </c>
      <c r="D15" s="6">
        <v>0</v>
      </c>
      <c r="E15" s="6">
        <v>0</v>
      </c>
      <c r="F15" s="6">
        <v>12</v>
      </c>
    </row>
    <row r="16" spans="1:13">
      <c r="A16" s="57"/>
      <c r="B16" s="5">
        <v>1</v>
      </c>
      <c r="C16" s="5">
        <v>0</v>
      </c>
      <c r="D16" s="5">
        <v>0</v>
      </c>
      <c r="E16" s="5">
        <v>0</v>
      </c>
      <c r="F16" s="5">
        <v>1</v>
      </c>
      <c r="I16" s="9"/>
      <c r="J16" s="9"/>
      <c r="K16" s="9"/>
      <c r="L16" s="9"/>
      <c r="M16" s="9"/>
    </row>
    <row r="17" spans="1:13">
      <c r="A17" s="56" t="s">
        <v>29</v>
      </c>
      <c r="B17" s="4">
        <v>3572</v>
      </c>
      <c r="C17" s="4">
        <v>104</v>
      </c>
      <c r="D17" s="4">
        <v>7</v>
      </c>
      <c r="E17" s="4">
        <v>2</v>
      </c>
      <c r="F17" s="4">
        <v>3685</v>
      </c>
    </row>
    <row r="18" spans="1:13">
      <c r="A18" s="57"/>
      <c r="B18" s="5">
        <v>0.96899999999999997</v>
      </c>
      <c r="C18" s="5">
        <v>2.8000000000000001E-2</v>
      </c>
      <c r="D18" s="5">
        <v>2E-3</v>
      </c>
      <c r="E18" s="5">
        <v>1E-3</v>
      </c>
      <c r="F18" s="5">
        <v>1</v>
      </c>
      <c r="I18" s="9"/>
      <c r="J18" s="9"/>
      <c r="K18" s="9"/>
      <c r="L18" s="9"/>
      <c r="M18" s="9"/>
    </row>
    <row r="19" spans="1:13">
      <c r="A19" s="54" t="s">
        <v>105</v>
      </c>
      <c r="B19" s="54"/>
      <c r="C19" s="54"/>
      <c r="D19" s="54"/>
      <c r="E19" s="54"/>
      <c r="F19" s="54"/>
    </row>
    <row r="20" spans="1:13">
      <c r="A20" s="55"/>
      <c r="B20" s="55"/>
      <c r="C20" s="55"/>
      <c r="D20" s="55"/>
      <c r="E20" s="55"/>
      <c r="F20" s="55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7"/>
  <dimension ref="A1:M20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638</v>
      </c>
    </row>
    <row r="2" spans="1:13" ht="14.25" customHeight="1">
      <c r="A2" s="41" t="s">
        <v>812</v>
      </c>
      <c r="C2" s="7"/>
      <c r="D2" s="7"/>
      <c r="E2" s="7"/>
      <c r="F2" s="7"/>
    </row>
    <row r="3" spans="1:13" ht="14.25" customHeight="1">
      <c r="A3" s="60" t="s">
        <v>192</v>
      </c>
      <c r="B3" s="53" t="s">
        <v>519</v>
      </c>
      <c r="C3" s="53"/>
      <c r="D3" s="53"/>
      <c r="E3" s="53"/>
      <c r="F3" s="53"/>
      <c r="G3" s="2"/>
    </row>
    <row r="4" spans="1:13">
      <c r="A4" s="60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13">
      <c r="A5" s="73" t="s">
        <v>193</v>
      </c>
      <c r="B5" s="4">
        <v>208</v>
      </c>
      <c r="C5" s="4">
        <v>234</v>
      </c>
      <c r="D5" s="4">
        <v>41</v>
      </c>
      <c r="E5" s="4">
        <v>24</v>
      </c>
      <c r="F5" s="4">
        <v>507</v>
      </c>
    </row>
    <row r="6" spans="1:13">
      <c r="A6" s="77"/>
      <c r="B6" s="5">
        <v>0.41</v>
      </c>
      <c r="C6" s="5">
        <v>0.46200000000000002</v>
      </c>
      <c r="D6" s="5">
        <v>8.1000000000000003E-2</v>
      </c>
      <c r="E6" s="5">
        <v>4.7E-2</v>
      </c>
      <c r="F6" s="5">
        <v>1</v>
      </c>
      <c r="I6" s="9"/>
      <c r="J6" s="9"/>
      <c r="K6" s="9"/>
      <c r="L6" s="9"/>
      <c r="M6" s="9"/>
    </row>
    <row r="7" spans="1:13">
      <c r="A7" s="73" t="s">
        <v>194</v>
      </c>
      <c r="B7" s="4">
        <v>1101</v>
      </c>
      <c r="C7" s="4">
        <v>1183</v>
      </c>
      <c r="D7" s="4">
        <v>184</v>
      </c>
      <c r="E7" s="4">
        <v>57</v>
      </c>
      <c r="F7" s="4">
        <v>2525</v>
      </c>
    </row>
    <row r="8" spans="1:13">
      <c r="A8" s="74"/>
      <c r="B8" s="5">
        <v>0.436</v>
      </c>
      <c r="C8" s="5">
        <v>0.46899999999999997</v>
      </c>
      <c r="D8" s="5">
        <v>7.2999999999999995E-2</v>
      </c>
      <c r="E8" s="5">
        <v>2.3E-2</v>
      </c>
      <c r="F8" s="5">
        <v>1</v>
      </c>
      <c r="I8" s="9"/>
      <c r="J8" s="9"/>
      <c r="K8" s="9"/>
      <c r="L8" s="9"/>
      <c r="M8" s="9"/>
    </row>
    <row r="9" spans="1:13">
      <c r="A9" s="73" t="s">
        <v>195</v>
      </c>
      <c r="B9" s="6">
        <v>253</v>
      </c>
      <c r="C9" s="6">
        <v>190</v>
      </c>
      <c r="D9" s="6">
        <v>30</v>
      </c>
      <c r="E9" s="6">
        <v>18</v>
      </c>
      <c r="F9" s="6">
        <v>491</v>
      </c>
    </row>
    <row r="10" spans="1:13">
      <c r="A10" s="74"/>
      <c r="B10" s="5">
        <v>0.51500000000000001</v>
      </c>
      <c r="C10" s="5">
        <v>0.38700000000000001</v>
      </c>
      <c r="D10" s="5">
        <v>6.0999999999999999E-2</v>
      </c>
      <c r="E10" s="5">
        <v>3.6999999999999998E-2</v>
      </c>
      <c r="F10" s="5">
        <v>1</v>
      </c>
      <c r="I10" s="9"/>
      <c r="J10" s="9"/>
      <c r="K10" s="9"/>
      <c r="L10" s="9"/>
      <c r="M10" s="9"/>
    </row>
    <row r="11" spans="1:13" ht="14.25" customHeight="1">
      <c r="A11" s="58" t="s">
        <v>196</v>
      </c>
      <c r="B11" s="6">
        <v>5</v>
      </c>
      <c r="C11" s="6">
        <v>6</v>
      </c>
      <c r="D11" s="6">
        <v>0</v>
      </c>
      <c r="E11" s="6">
        <v>0</v>
      </c>
      <c r="F11" s="6">
        <v>11</v>
      </c>
    </row>
    <row r="12" spans="1:13">
      <c r="A12" s="59"/>
      <c r="B12" s="5">
        <v>0.45500000000000002</v>
      </c>
      <c r="C12" s="5">
        <v>0.54500000000000004</v>
      </c>
      <c r="D12" s="5">
        <v>0</v>
      </c>
      <c r="E12" s="5">
        <v>0</v>
      </c>
      <c r="F12" s="5">
        <v>1</v>
      </c>
      <c r="I12" s="9"/>
      <c r="J12" s="9"/>
      <c r="K12" s="9"/>
      <c r="L12" s="9"/>
      <c r="M12" s="9"/>
    </row>
    <row r="13" spans="1:13">
      <c r="A13" s="73" t="s">
        <v>49</v>
      </c>
      <c r="B13" s="6">
        <v>19</v>
      </c>
      <c r="C13" s="6">
        <v>5</v>
      </c>
      <c r="D13" s="6">
        <v>1</v>
      </c>
      <c r="E13" s="6">
        <v>1</v>
      </c>
      <c r="F13" s="6">
        <v>26</v>
      </c>
    </row>
    <row r="14" spans="1:13">
      <c r="A14" s="74"/>
      <c r="B14" s="5">
        <v>0.73099999999999998</v>
      </c>
      <c r="C14" s="5">
        <v>0.192</v>
      </c>
      <c r="D14" s="5">
        <v>3.7999999999999999E-2</v>
      </c>
      <c r="E14" s="5">
        <v>3.7999999999999999E-2</v>
      </c>
      <c r="F14" s="5">
        <v>1</v>
      </c>
      <c r="I14" s="9"/>
      <c r="J14" s="9"/>
      <c r="K14" s="9"/>
      <c r="L14" s="9"/>
      <c r="M14" s="9"/>
    </row>
    <row r="15" spans="1:13">
      <c r="A15" s="56" t="s">
        <v>171</v>
      </c>
      <c r="B15" s="6">
        <v>5</v>
      </c>
      <c r="C15" s="6">
        <v>7</v>
      </c>
      <c r="D15" s="6">
        <v>0</v>
      </c>
      <c r="E15" s="6">
        <v>0</v>
      </c>
      <c r="F15" s="6">
        <v>12</v>
      </c>
    </row>
    <row r="16" spans="1:13">
      <c r="A16" s="57"/>
      <c r="B16" s="5">
        <v>0.41699999999999998</v>
      </c>
      <c r="C16" s="5">
        <v>0.58299999999999996</v>
      </c>
      <c r="D16" s="5">
        <v>0</v>
      </c>
      <c r="E16" s="5">
        <v>0</v>
      </c>
      <c r="F16" s="5">
        <v>1</v>
      </c>
      <c r="I16" s="9"/>
      <c r="J16" s="9"/>
      <c r="K16" s="9"/>
      <c r="L16" s="9"/>
      <c r="M16" s="9"/>
    </row>
    <row r="17" spans="1:13">
      <c r="A17" s="56" t="s">
        <v>29</v>
      </c>
      <c r="B17" s="4">
        <v>1591</v>
      </c>
      <c r="C17" s="4">
        <v>1625</v>
      </c>
      <c r="D17" s="4">
        <v>256</v>
      </c>
      <c r="E17" s="4">
        <v>100</v>
      </c>
      <c r="F17" s="4">
        <v>3572</v>
      </c>
    </row>
    <row r="18" spans="1:13">
      <c r="A18" s="57"/>
      <c r="B18" s="5">
        <v>0.44500000000000001</v>
      </c>
      <c r="C18" s="5">
        <v>0.45500000000000002</v>
      </c>
      <c r="D18" s="5">
        <v>7.1999999999999995E-2</v>
      </c>
      <c r="E18" s="5">
        <v>2.8000000000000001E-2</v>
      </c>
      <c r="F18" s="5">
        <v>1</v>
      </c>
      <c r="I18" s="9"/>
      <c r="J18" s="9"/>
      <c r="K18" s="9"/>
      <c r="L18" s="9"/>
      <c r="M18" s="9"/>
    </row>
    <row r="19" spans="1:13">
      <c r="A19" s="54" t="s">
        <v>520</v>
      </c>
      <c r="B19" s="54"/>
      <c r="C19" s="54"/>
      <c r="D19" s="54"/>
      <c r="E19" s="54"/>
      <c r="F19" s="54"/>
    </row>
    <row r="20" spans="1:13">
      <c r="A20" s="55"/>
      <c r="B20" s="55"/>
      <c r="C20" s="55"/>
      <c r="D20" s="55"/>
      <c r="E20" s="55"/>
      <c r="F20" s="55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8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639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92</v>
      </c>
      <c r="B3" s="53" t="s">
        <v>113</v>
      </c>
      <c r="C3" s="53"/>
      <c r="D3" s="53"/>
      <c r="E3" s="53"/>
      <c r="F3" s="2"/>
    </row>
    <row r="4" spans="1:13" ht="28.5">
      <c r="A4" s="60"/>
      <c r="B4" s="8" t="s">
        <v>151</v>
      </c>
      <c r="C4" s="8" t="s">
        <v>152</v>
      </c>
      <c r="D4" s="8" t="s">
        <v>42</v>
      </c>
      <c r="E4" s="8" t="s">
        <v>29</v>
      </c>
    </row>
    <row r="5" spans="1:13">
      <c r="A5" s="73" t="s">
        <v>193</v>
      </c>
      <c r="B5" s="4">
        <v>523</v>
      </c>
      <c r="C5" s="4">
        <v>5</v>
      </c>
      <c r="D5" s="4">
        <v>0</v>
      </c>
      <c r="E5" s="4">
        <v>528</v>
      </c>
    </row>
    <row r="6" spans="1:13">
      <c r="A6" s="77"/>
      <c r="B6" s="5">
        <v>0.99099999999999999</v>
      </c>
      <c r="C6" s="5">
        <v>8.9999999999999993E-3</v>
      </c>
      <c r="D6" s="5">
        <v>0</v>
      </c>
      <c r="E6" s="5">
        <v>1</v>
      </c>
      <c r="G6" s="9"/>
      <c r="H6" s="9"/>
      <c r="I6" s="9"/>
      <c r="J6" s="9"/>
    </row>
    <row r="7" spans="1:13">
      <c r="A7" s="73" t="s">
        <v>194</v>
      </c>
      <c r="B7" s="4">
        <v>2569</v>
      </c>
      <c r="C7" s="4">
        <v>26</v>
      </c>
      <c r="D7" s="4">
        <v>7</v>
      </c>
      <c r="E7" s="4">
        <v>2602</v>
      </c>
    </row>
    <row r="8" spans="1:13">
      <c r="A8" s="74"/>
      <c r="B8" s="5">
        <v>0.98699999999999999</v>
      </c>
      <c r="C8" s="5">
        <v>0.01</v>
      </c>
      <c r="D8" s="5">
        <v>3.0000000000000001E-3</v>
      </c>
      <c r="E8" s="5">
        <v>1</v>
      </c>
      <c r="G8" s="9"/>
      <c r="H8" s="9"/>
      <c r="I8" s="9"/>
      <c r="J8" s="9"/>
      <c r="K8" s="9"/>
      <c r="L8" s="9"/>
      <c r="M8" s="9"/>
    </row>
    <row r="9" spans="1:13">
      <c r="A9" s="73" t="s">
        <v>195</v>
      </c>
      <c r="B9" s="6">
        <v>497</v>
      </c>
      <c r="C9" s="6">
        <v>7</v>
      </c>
      <c r="D9" s="6">
        <v>2</v>
      </c>
      <c r="E9" s="6">
        <v>506</v>
      </c>
    </row>
    <row r="10" spans="1:13">
      <c r="A10" s="74"/>
      <c r="B10" s="5">
        <v>0.98199999999999998</v>
      </c>
      <c r="C10" s="5">
        <v>1.4E-2</v>
      </c>
      <c r="D10" s="5">
        <v>4.0000000000000001E-3</v>
      </c>
      <c r="E10" s="5">
        <v>1</v>
      </c>
      <c r="G10" s="9"/>
      <c r="H10" s="9"/>
      <c r="I10" s="9"/>
      <c r="J10" s="9"/>
      <c r="K10" s="9"/>
      <c r="L10" s="9"/>
      <c r="M10" s="9"/>
    </row>
    <row r="11" spans="1:13" ht="14.25" customHeight="1">
      <c r="A11" s="58" t="s">
        <v>196</v>
      </c>
      <c r="B11" s="6">
        <v>11</v>
      </c>
      <c r="C11" s="6">
        <v>0</v>
      </c>
      <c r="D11" s="6">
        <v>0</v>
      </c>
      <c r="E11" s="6">
        <v>11</v>
      </c>
    </row>
    <row r="12" spans="1:13">
      <c r="A12" s="59"/>
      <c r="B12" s="5">
        <v>1</v>
      </c>
      <c r="C12" s="5">
        <v>0</v>
      </c>
      <c r="D12" s="5">
        <v>0</v>
      </c>
      <c r="E12" s="5">
        <v>1</v>
      </c>
      <c r="G12" s="9"/>
      <c r="H12" s="9"/>
      <c r="I12" s="9"/>
      <c r="J12" s="9"/>
      <c r="K12" s="9"/>
      <c r="L12" s="9"/>
      <c r="M12" s="9"/>
    </row>
    <row r="13" spans="1:13">
      <c r="A13" s="73" t="s">
        <v>49</v>
      </c>
      <c r="B13" s="6">
        <v>26</v>
      </c>
      <c r="C13" s="6">
        <v>0</v>
      </c>
      <c r="D13" s="6">
        <v>0</v>
      </c>
      <c r="E13" s="6">
        <v>26</v>
      </c>
    </row>
    <row r="14" spans="1:13">
      <c r="A14" s="74"/>
      <c r="B14" s="5">
        <v>1</v>
      </c>
      <c r="C14" s="5">
        <v>0</v>
      </c>
      <c r="D14" s="5">
        <v>0</v>
      </c>
      <c r="E14" s="5">
        <v>1</v>
      </c>
      <c r="G14" s="9"/>
      <c r="H14" s="9"/>
      <c r="I14" s="9"/>
      <c r="J14" s="9"/>
      <c r="K14" s="9"/>
      <c r="L14" s="9"/>
      <c r="M14" s="9"/>
    </row>
    <row r="15" spans="1:13">
      <c r="A15" s="56" t="s">
        <v>171</v>
      </c>
      <c r="B15" s="6">
        <v>11</v>
      </c>
      <c r="C15" s="6">
        <v>1</v>
      </c>
      <c r="D15" s="6">
        <v>0</v>
      </c>
      <c r="E15" s="6">
        <v>12</v>
      </c>
    </row>
    <row r="16" spans="1:13">
      <c r="A16" s="57"/>
      <c r="B16" s="5">
        <v>0.91700000000000004</v>
      </c>
      <c r="C16" s="5">
        <v>8.3000000000000004E-2</v>
      </c>
      <c r="D16" s="5">
        <v>0</v>
      </c>
      <c r="E16" s="5">
        <v>1</v>
      </c>
      <c r="G16" s="9"/>
      <c r="H16" s="9"/>
      <c r="I16" s="9"/>
      <c r="J16" s="9"/>
      <c r="K16" s="9"/>
      <c r="L16" s="9"/>
      <c r="M16" s="9"/>
    </row>
    <row r="17" spans="1:13">
      <c r="A17" s="56" t="s">
        <v>29</v>
      </c>
      <c r="B17" s="4">
        <v>3637</v>
      </c>
      <c r="C17" s="4">
        <v>39</v>
      </c>
      <c r="D17" s="4">
        <v>9</v>
      </c>
      <c r="E17" s="4">
        <v>3685</v>
      </c>
    </row>
    <row r="18" spans="1:13">
      <c r="A18" s="57"/>
      <c r="B18" s="5">
        <v>0.98699999999999999</v>
      </c>
      <c r="C18" s="5">
        <v>1.0999999999999999E-2</v>
      </c>
      <c r="D18" s="5">
        <v>2E-3</v>
      </c>
      <c r="E18" s="5">
        <v>1</v>
      </c>
      <c r="G18" s="9"/>
      <c r="H18" s="9"/>
      <c r="I18" s="9"/>
      <c r="J18" s="9"/>
      <c r="K18" s="9"/>
      <c r="L18" s="9"/>
      <c r="M18" s="9"/>
    </row>
    <row r="19" spans="1:13">
      <c r="A19" s="54" t="s">
        <v>106</v>
      </c>
      <c r="B19" s="54"/>
      <c r="C19" s="54"/>
      <c r="D19" s="54"/>
      <c r="E19" s="54"/>
    </row>
    <row r="20" spans="1:13">
      <c r="A20" s="55"/>
      <c r="B20" s="55"/>
      <c r="C20" s="55"/>
      <c r="D20" s="55"/>
      <c r="E20" s="55"/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10">
    <mergeCell ref="A13:A14"/>
    <mergeCell ref="A15:A16"/>
    <mergeCell ref="A17:A18"/>
    <mergeCell ref="A19:E20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9"/>
  <dimension ref="A1:R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8">
      <c r="A1" s="1" t="s">
        <v>640</v>
      </c>
    </row>
    <row r="2" spans="1:18" ht="14.25" customHeight="1">
      <c r="A2" s="41" t="s">
        <v>812</v>
      </c>
      <c r="C2" s="7"/>
      <c r="D2" s="7"/>
      <c r="E2" s="7"/>
      <c r="F2" s="7"/>
      <c r="G2" s="7"/>
    </row>
    <row r="3" spans="1:18" ht="14.25" customHeight="1">
      <c r="A3" s="60" t="s">
        <v>192</v>
      </c>
      <c r="B3" s="53" t="s">
        <v>116</v>
      </c>
      <c r="C3" s="53"/>
      <c r="D3" s="53"/>
      <c r="E3" s="53"/>
      <c r="F3" s="53"/>
      <c r="G3" s="53"/>
      <c r="H3" s="2"/>
    </row>
    <row r="4" spans="1:18" ht="28.5">
      <c r="A4" s="60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18">
      <c r="A5" s="73" t="s">
        <v>193</v>
      </c>
      <c r="B5" s="4">
        <v>406</v>
      </c>
      <c r="C5" s="4">
        <v>52</v>
      </c>
      <c r="D5" s="4">
        <v>45</v>
      </c>
      <c r="E5" s="4">
        <v>21</v>
      </c>
      <c r="F5" s="4">
        <v>4</v>
      </c>
      <c r="G5" s="4">
        <v>528</v>
      </c>
    </row>
    <row r="6" spans="1:18">
      <c r="A6" s="77"/>
      <c r="B6" s="5">
        <v>0.76900000000000002</v>
      </c>
      <c r="C6" s="5">
        <v>9.8000000000000004E-2</v>
      </c>
      <c r="D6" s="5">
        <v>8.5000000000000006E-2</v>
      </c>
      <c r="E6" s="5">
        <v>0.04</v>
      </c>
      <c r="F6" s="5">
        <v>8.0000000000000002E-3</v>
      </c>
      <c r="G6" s="5">
        <v>1</v>
      </c>
      <c r="I6" s="9"/>
      <c r="J6" s="9"/>
      <c r="K6" s="9"/>
      <c r="L6" s="9"/>
      <c r="M6" s="9"/>
      <c r="N6" s="9"/>
    </row>
    <row r="7" spans="1:18">
      <c r="A7" s="73" t="s">
        <v>194</v>
      </c>
      <c r="B7" s="4">
        <v>1988</v>
      </c>
      <c r="C7" s="4">
        <v>172</v>
      </c>
      <c r="D7" s="4">
        <v>348</v>
      </c>
      <c r="E7" s="4">
        <v>81</v>
      </c>
      <c r="F7" s="4">
        <v>13</v>
      </c>
      <c r="G7" s="4">
        <v>2602</v>
      </c>
    </row>
    <row r="8" spans="1:18">
      <c r="A8" s="74"/>
      <c r="B8" s="5">
        <v>0.76400000000000001</v>
      </c>
      <c r="C8" s="5">
        <v>6.6000000000000003E-2</v>
      </c>
      <c r="D8" s="5">
        <v>0.13400000000000001</v>
      </c>
      <c r="E8" s="5">
        <v>3.1E-2</v>
      </c>
      <c r="F8" s="5">
        <v>5.0000000000000001E-3</v>
      </c>
      <c r="G8" s="5">
        <v>1</v>
      </c>
      <c r="I8" s="9"/>
      <c r="J8" s="9"/>
      <c r="K8" s="9"/>
      <c r="L8" s="9"/>
      <c r="M8" s="9"/>
      <c r="N8" s="9"/>
      <c r="O8" s="9"/>
      <c r="P8" s="9"/>
      <c r="Q8" s="9"/>
      <c r="R8" s="9"/>
    </row>
    <row r="9" spans="1:18">
      <c r="A9" s="73" t="s">
        <v>195</v>
      </c>
      <c r="B9" s="6">
        <v>394</v>
      </c>
      <c r="C9" s="6">
        <v>44</v>
      </c>
      <c r="D9" s="6">
        <v>52</v>
      </c>
      <c r="E9" s="6">
        <v>14</v>
      </c>
      <c r="F9" s="6">
        <v>2</v>
      </c>
      <c r="G9" s="6">
        <v>506</v>
      </c>
    </row>
    <row r="10" spans="1:18">
      <c r="A10" s="74"/>
      <c r="B10" s="5">
        <v>0.77900000000000003</v>
      </c>
      <c r="C10" s="5">
        <v>8.6999999999999994E-2</v>
      </c>
      <c r="D10" s="5">
        <v>0.10299999999999999</v>
      </c>
      <c r="E10" s="5">
        <v>2.8000000000000001E-2</v>
      </c>
      <c r="F10" s="5">
        <v>4.0000000000000001E-3</v>
      </c>
      <c r="G10" s="5">
        <v>1</v>
      </c>
      <c r="I10" s="9"/>
      <c r="J10" s="9"/>
      <c r="K10" s="9"/>
      <c r="L10" s="9"/>
      <c r="M10" s="9"/>
      <c r="N10" s="9"/>
      <c r="O10" s="9"/>
      <c r="P10" s="9"/>
      <c r="Q10" s="9"/>
      <c r="R10" s="9"/>
    </row>
    <row r="11" spans="1:18" ht="14.25" customHeight="1">
      <c r="A11" s="58" t="s">
        <v>196</v>
      </c>
      <c r="B11" s="6">
        <v>9</v>
      </c>
      <c r="C11" s="6">
        <v>0</v>
      </c>
      <c r="D11" s="6">
        <v>1</v>
      </c>
      <c r="E11" s="6">
        <v>1</v>
      </c>
      <c r="F11" s="6">
        <v>0</v>
      </c>
      <c r="G11" s="6">
        <v>11</v>
      </c>
    </row>
    <row r="12" spans="1:18">
      <c r="A12" s="59"/>
      <c r="B12" s="5">
        <v>0.81799999999999995</v>
      </c>
      <c r="C12" s="5">
        <v>0</v>
      </c>
      <c r="D12" s="5">
        <v>9.0999999999999998E-2</v>
      </c>
      <c r="E12" s="5">
        <v>9.0999999999999998E-2</v>
      </c>
      <c r="F12" s="5">
        <v>0</v>
      </c>
      <c r="G12" s="5">
        <v>1</v>
      </c>
      <c r="I12" s="9"/>
      <c r="J12" s="9"/>
      <c r="K12" s="9"/>
      <c r="L12" s="9"/>
      <c r="M12" s="9"/>
      <c r="N12" s="9"/>
      <c r="O12" s="9"/>
      <c r="P12" s="9"/>
      <c r="Q12" s="9"/>
      <c r="R12" s="9"/>
    </row>
    <row r="13" spans="1:18">
      <c r="A13" s="73" t="s">
        <v>49</v>
      </c>
      <c r="B13" s="6">
        <v>18</v>
      </c>
      <c r="C13" s="6">
        <v>0</v>
      </c>
      <c r="D13" s="6">
        <v>5</v>
      </c>
      <c r="E13" s="6">
        <v>3</v>
      </c>
      <c r="F13" s="6">
        <v>0</v>
      </c>
      <c r="G13" s="6">
        <v>26</v>
      </c>
    </row>
    <row r="14" spans="1:18">
      <c r="A14" s="74"/>
      <c r="B14" s="5">
        <v>0.69199999999999995</v>
      </c>
      <c r="C14" s="5">
        <v>0</v>
      </c>
      <c r="D14" s="5">
        <v>0.192</v>
      </c>
      <c r="E14" s="5">
        <v>0.115</v>
      </c>
      <c r="F14" s="5">
        <v>0</v>
      </c>
      <c r="G14" s="5">
        <v>1</v>
      </c>
      <c r="I14" s="9"/>
      <c r="J14" s="9"/>
      <c r="K14" s="9"/>
      <c r="L14" s="9"/>
      <c r="M14" s="9"/>
      <c r="N14" s="9"/>
      <c r="O14" s="9"/>
      <c r="P14" s="9"/>
      <c r="Q14" s="9"/>
      <c r="R14" s="9"/>
    </row>
    <row r="15" spans="1:18">
      <c r="A15" s="56" t="s">
        <v>171</v>
      </c>
      <c r="B15" s="6">
        <v>10</v>
      </c>
      <c r="C15" s="6">
        <v>0</v>
      </c>
      <c r="D15" s="6">
        <v>2</v>
      </c>
      <c r="E15" s="6">
        <v>0</v>
      </c>
      <c r="F15" s="6">
        <v>0</v>
      </c>
      <c r="G15" s="6">
        <v>12</v>
      </c>
    </row>
    <row r="16" spans="1:18">
      <c r="A16" s="57"/>
      <c r="B16" s="5">
        <v>0.83299999999999996</v>
      </c>
      <c r="C16" s="5">
        <v>0</v>
      </c>
      <c r="D16" s="5">
        <v>0.16700000000000001</v>
      </c>
      <c r="E16" s="5">
        <v>0</v>
      </c>
      <c r="F16" s="5">
        <v>0</v>
      </c>
      <c r="G16" s="5">
        <v>1</v>
      </c>
      <c r="I16" s="9"/>
      <c r="J16" s="9"/>
      <c r="K16" s="9"/>
      <c r="L16" s="9"/>
      <c r="M16" s="9"/>
      <c r="N16" s="9"/>
      <c r="O16" s="9"/>
      <c r="P16" s="9"/>
      <c r="Q16" s="9"/>
      <c r="R16" s="9"/>
    </row>
    <row r="17" spans="1:18">
      <c r="A17" s="56" t="s">
        <v>29</v>
      </c>
      <c r="B17" s="4">
        <v>2825</v>
      </c>
      <c r="C17" s="4">
        <v>268</v>
      </c>
      <c r="D17" s="4">
        <v>453</v>
      </c>
      <c r="E17" s="4">
        <v>120</v>
      </c>
      <c r="F17" s="4">
        <v>19</v>
      </c>
      <c r="G17" s="4">
        <v>3685</v>
      </c>
    </row>
    <row r="18" spans="1:18">
      <c r="A18" s="57"/>
      <c r="B18" s="5">
        <v>0.76700000000000002</v>
      </c>
      <c r="C18" s="5">
        <v>7.2999999999999995E-2</v>
      </c>
      <c r="D18" s="5">
        <v>0.123</v>
      </c>
      <c r="E18" s="5">
        <v>3.3000000000000002E-2</v>
      </c>
      <c r="F18" s="5">
        <v>5.0000000000000001E-3</v>
      </c>
      <c r="G18" s="5">
        <v>1</v>
      </c>
      <c r="I18" s="9"/>
      <c r="J18" s="9"/>
      <c r="K18" s="9"/>
      <c r="L18" s="9"/>
      <c r="M18" s="9"/>
      <c r="N18" s="9"/>
      <c r="O18" s="9"/>
      <c r="P18" s="9"/>
      <c r="Q18" s="9"/>
      <c r="R18" s="9"/>
    </row>
    <row r="19" spans="1:18">
      <c r="A19" s="54" t="s">
        <v>119</v>
      </c>
      <c r="B19" s="54"/>
      <c r="C19" s="54"/>
      <c r="D19" s="54"/>
      <c r="E19" s="54"/>
      <c r="F19" s="54"/>
      <c r="G19" s="54"/>
    </row>
    <row r="20" spans="1:18">
      <c r="A20" s="55"/>
      <c r="B20" s="55"/>
      <c r="C20" s="55"/>
      <c r="D20" s="55"/>
      <c r="E20" s="55"/>
      <c r="F20" s="55"/>
      <c r="G20" s="55"/>
      <c r="M20" s="9"/>
      <c r="N20" s="9"/>
      <c r="O20" s="9"/>
      <c r="P20" s="9"/>
      <c r="Q20" s="9"/>
      <c r="R20" s="9"/>
    </row>
    <row r="22" spans="1:18">
      <c r="M22" s="9"/>
      <c r="N22" s="9"/>
      <c r="O22" s="9"/>
      <c r="P22" s="9"/>
      <c r="Q22" s="9"/>
      <c r="R22" s="9"/>
    </row>
    <row r="24" spans="1:18">
      <c r="M24" s="9"/>
      <c r="N24" s="9"/>
      <c r="O24" s="9"/>
      <c r="P24" s="9"/>
      <c r="Q24" s="9"/>
      <c r="R24" s="9"/>
    </row>
  </sheetData>
  <mergeCells count="10">
    <mergeCell ref="A13:A14"/>
    <mergeCell ref="A15:A16"/>
    <mergeCell ref="A17:A18"/>
    <mergeCell ref="A19:G20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0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41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92</v>
      </c>
      <c r="B3" s="53" t="s">
        <v>117</v>
      </c>
      <c r="C3" s="53"/>
      <c r="D3" s="53"/>
      <c r="E3" s="53"/>
      <c r="F3" s="53"/>
      <c r="G3" s="2"/>
    </row>
    <row r="4" spans="1:15" ht="28.5">
      <c r="A4" s="60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15">
      <c r="A5" s="73" t="s">
        <v>193</v>
      </c>
      <c r="B5" s="4">
        <v>282</v>
      </c>
      <c r="C5" s="4">
        <v>227</v>
      </c>
      <c r="D5" s="4">
        <v>13</v>
      </c>
      <c r="E5" s="4">
        <v>6</v>
      </c>
      <c r="F5" s="4">
        <v>528</v>
      </c>
    </row>
    <row r="6" spans="1:15">
      <c r="A6" s="77"/>
      <c r="B6" s="5">
        <v>0.53400000000000003</v>
      </c>
      <c r="C6" s="5">
        <v>0.43</v>
      </c>
      <c r="D6" s="5">
        <v>2.5000000000000001E-2</v>
      </c>
      <c r="E6" s="5">
        <v>1.0999999999999999E-2</v>
      </c>
      <c r="F6" s="5">
        <v>1</v>
      </c>
      <c r="I6" s="9"/>
      <c r="J6" s="9"/>
      <c r="K6" s="9"/>
      <c r="L6" s="9"/>
      <c r="M6" s="9"/>
    </row>
    <row r="7" spans="1:15">
      <c r="A7" s="73" t="s">
        <v>194</v>
      </c>
      <c r="B7" s="4">
        <v>1444</v>
      </c>
      <c r="C7" s="4">
        <v>1049</v>
      </c>
      <c r="D7" s="4">
        <v>95</v>
      </c>
      <c r="E7" s="4">
        <v>14</v>
      </c>
      <c r="F7" s="4">
        <v>2602</v>
      </c>
    </row>
    <row r="8" spans="1:15">
      <c r="A8" s="74"/>
      <c r="B8" s="5">
        <v>0.55500000000000005</v>
      </c>
      <c r="C8" s="5">
        <v>0.40300000000000002</v>
      </c>
      <c r="D8" s="5">
        <v>3.6999999999999998E-2</v>
      </c>
      <c r="E8" s="5">
        <v>5.0000000000000001E-3</v>
      </c>
      <c r="F8" s="5">
        <v>1</v>
      </c>
      <c r="I8" s="9"/>
      <c r="J8" s="9"/>
      <c r="K8" s="9"/>
      <c r="L8" s="9"/>
      <c r="M8" s="9"/>
      <c r="N8" s="9"/>
      <c r="O8" s="9"/>
    </row>
    <row r="9" spans="1:15">
      <c r="A9" s="73" t="s">
        <v>195</v>
      </c>
      <c r="B9" s="6">
        <v>303</v>
      </c>
      <c r="C9" s="6">
        <v>188</v>
      </c>
      <c r="D9" s="6">
        <v>12</v>
      </c>
      <c r="E9" s="6">
        <v>3</v>
      </c>
      <c r="F9" s="6">
        <v>506</v>
      </c>
    </row>
    <row r="10" spans="1:15">
      <c r="A10" s="74"/>
      <c r="B10" s="5">
        <v>0.59899999999999998</v>
      </c>
      <c r="C10" s="5">
        <v>0.372</v>
      </c>
      <c r="D10" s="5">
        <v>2.4E-2</v>
      </c>
      <c r="E10" s="5">
        <v>6.0000000000000001E-3</v>
      </c>
      <c r="F10" s="5">
        <v>1</v>
      </c>
      <c r="I10" s="9"/>
      <c r="J10" s="9"/>
      <c r="K10" s="9"/>
      <c r="L10" s="9"/>
      <c r="M10" s="9"/>
      <c r="N10" s="9"/>
      <c r="O10" s="9"/>
    </row>
    <row r="11" spans="1:15" ht="14.25" customHeight="1">
      <c r="A11" s="58" t="s">
        <v>196</v>
      </c>
      <c r="B11" s="6">
        <v>6</v>
      </c>
      <c r="C11" s="6">
        <v>4</v>
      </c>
      <c r="D11" s="6">
        <v>1</v>
      </c>
      <c r="E11" s="6">
        <v>0</v>
      </c>
      <c r="F11" s="6">
        <v>11</v>
      </c>
    </row>
    <row r="12" spans="1:15">
      <c r="A12" s="59"/>
      <c r="B12" s="5">
        <v>0.54500000000000004</v>
      </c>
      <c r="C12" s="5">
        <v>0.36399999999999999</v>
      </c>
      <c r="D12" s="5">
        <v>9.0999999999999998E-2</v>
      </c>
      <c r="E12" s="5">
        <v>0</v>
      </c>
      <c r="F12" s="5">
        <v>1</v>
      </c>
      <c r="I12" s="9"/>
      <c r="J12" s="9"/>
      <c r="K12" s="9"/>
      <c r="L12" s="9"/>
      <c r="M12" s="9"/>
      <c r="N12" s="9"/>
      <c r="O12" s="9"/>
    </row>
    <row r="13" spans="1:15">
      <c r="A13" s="73" t="s">
        <v>49</v>
      </c>
      <c r="B13" s="6">
        <v>16</v>
      </c>
      <c r="C13" s="6">
        <v>9</v>
      </c>
      <c r="D13" s="6">
        <v>1</v>
      </c>
      <c r="E13" s="6">
        <v>0</v>
      </c>
      <c r="F13" s="6">
        <v>26</v>
      </c>
    </row>
    <row r="14" spans="1:15">
      <c r="A14" s="74"/>
      <c r="B14" s="5">
        <v>0.61499999999999999</v>
      </c>
      <c r="C14" s="5">
        <v>0.34599999999999997</v>
      </c>
      <c r="D14" s="5">
        <v>3.7999999999999999E-2</v>
      </c>
      <c r="E14" s="5">
        <v>0</v>
      </c>
      <c r="F14" s="5">
        <v>1</v>
      </c>
      <c r="I14" s="9"/>
      <c r="J14" s="9"/>
      <c r="K14" s="9"/>
      <c r="L14" s="9"/>
      <c r="M14" s="9"/>
      <c r="N14" s="9"/>
      <c r="O14" s="9"/>
    </row>
    <row r="15" spans="1:15">
      <c r="A15" s="56" t="s">
        <v>171</v>
      </c>
      <c r="B15" s="6">
        <v>6</v>
      </c>
      <c r="C15" s="6">
        <v>6</v>
      </c>
      <c r="D15" s="6">
        <v>0</v>
      </c>
      <c r="E15" s="6">
        <v>0</v>
      </c>
      <c r="F15" s="6">
        <v>12</v>
      </c>
    </row>
    <row r="16" spans="1:15">
      <c r="A16" s="57"/>
      <c r="B16" s="5">
        <v>0.5</v>
      </c>
      <c r="C16" s="5">
        <v>0.5</v>
      </c>
      <c r="D16" s="5">
        <v>0</v>
      </c>
      <c r="E16" s="5">
        <v>0</v>
      </c>
      <c r="F16" s="5">
        <v>1</v>
      </c>
      <c r="I16" s="9"/>
      <c r="J16" s="9"/>
      <c r="K16" s="9"/>
      <c r="L16" s="9"/>
      <c r="M16" s="9"/>
      <c r="N16" s="9"/>
      <c r="O16" s="9"/>
    </row>
    <row r="17" spans="1:15">
      <c r="A17" s="56" t="s">
        <v>29</v>
      </c>
      <c r="B17" s="4">
        <v>2057</v>
      </c>
      <c r="C17" s="4">
        <v>1483</v>
      </c>
      <c r="D17" s="4">
        <v>122</v>
      </c>
      <c r="E17" s="4">
        <v>23</v>
      </c>
      <c r="F17" s="4">
        <v>3685</v>
      </c>
    </row>
    <row r="18" spans="1:15">
      <c r="A18" s="57"/>
      <c r="B18" s="5">
        <v>0.55800000000000005</v>
      </c>
      <c r="C18" s="5">
        <v>0.40200000000000002</v>
      </c>
      <c r="D18" s="5">
        <v>3.3000000000000002E-2</v>
      </c>
      <c r="E18" s="5">
        <v>6.0000000000000001E-3</v>
      </c>
      <c r="F18" s="5">
        <v>1</v>
      </c>
      <c r="I18" s="9"/>
      <c r="J18" s="9"/>
      <c r="K18" s="9"/>
      <c r="L18" s="9"/>
      <c r="M18" s="9"/>
      <c r="N18" s="9"/>
      <c r="O18" s="9"/>
    </row>
    <row r="19" spans="1:15">
      <c r="A19" s="54" t="s">
        <v>118</v>
      </c>
      <c r="B19" s="54"/>
      <c r="C19" s="54"/>
      <c r="D19" s="54"/>
      <c r="E19" s="54"/>
      <c r="F19" s="54"/>
    </row>
    <row r="20" spans="1:15">
      <c r="A20" s="55"/>
      <c r="B20" s="55"/>
      <c r="C20" s="55"/>
      <c r="D20" s="55"/>
      <c r="E20" s="55"/>
      <c r="F20" s="55"/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1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642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78" t="s">
        <v>192</v>
      </c>
      <c r="B3" s="53" t="s">
        <v>120</v>
      </c>
      <c r="C3" s="53"/>
      <c r="D3" s="53"/>
      <c r="E3" s="53"/>
      <c r="F3" s="2"/>
    </row>
    <row r="4" spans="1:13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13">
      <c r="A5" s="73" t="s">
        <v>193</v>
      </c>
      <c r="B5" s="4">
        <v>321</v>
      </c>
      <c r="C5" s="4">
        <v>206</v>
      </c>
      <c r="D5" s="4">
        <v>1</v>
      </c>
      <c r="E5" s="4">
        <v>528</v>
      </c>
    </row>
    <row r="6" spans="1:13">
      <c r="A6" s="77"/>
      <c r="B6" s="5">
        <v>0.60799999999999998</v>
      </c>
      <c r="C6" s="5">
        <v>0.39</v>
      </c>
      <c r="D6" s="5">
        <v>2E-3</v>
      </c>
      <c r="E6" s="5">
        <v>1</v>
      </c>
      <c r="G6" s="9"/>
      <c r="H6" s="9"/>
      <c r="I6" s="9"/>
      <c r="J6" s="9"/>
    </row>
    <row r="7" spans="1:13">
      <c r="A7" s="73" t="s">
        <v>194</v>
      </c>
      <c r="B7" s="4">
        <v>1632</v>
      </c>
      <c r="C7" s="4">
        <v>962</v>
      </c>
      <c r="D7" s="4">
        <v>8</v>
      </c>
      <c r="E7" s="4">
        <v>2602</v>
      </c>
    </row>
    <row r="8" spans="1:13">
      <c r="A8" s="74"/>
      <c r="B8" s="5">
        <v>0.627</v>
      </c>
      <c r="C8" s="5">
        <v>0.37</v>
      </c>
      <c r="D8" s="5">
        <v>3.0000000000000001E-3</v>
      </c>
      <c r="E8" s="5">
        <v>1</v>
      </c>
      <c r="G8" s="9"/>
      <c r="H8" s="9"/>
      <c r="I8" s="9"/>
      <c r="J8" s="9"/>
      <c r="K8" s="9"/>
      <c r="L8" s="9"/>
      <c r="M8" s="9"/>
    </row>
    <row r="9" spans="1:13">
      <c r="A9" s="73" t="s">
        <v>195</v>
      </c>
      <c r="B9" s="6">
        <v>333</v>
      </c>
      <c r="C9" s="6">
        <v>172</v>
      </c>
      <c r="D9" s="6">
        <v>1</v>
      </c>
      <c r="E9" s="6">
        <v>506</v>
      </c>
    </row>
    <row r="10" spans="1:13">
      <c r="A10" s="74"/>
      <c r="B10" s="5">
        <v>0.65800000000000003</v>
      </c>
      <c r="C10" s="5">
        <v>0.34</v>
      </c>
      <c r="D10" s="5">
        <v>2E-3</v>
      </c>
      <c r="E10" s="5">
        <v>1</v>
      </c>
      <c r="G10" s="9"/>
      <c r="H10" s="9"/>
      <c r="I10" s="9"/>
      <c r="J10" s="9"/>
      <c r="K10" s="9"/>
      <c r="L10" s="9"/>
      <c r="M10" s="9"/>
    </row>
    <row r="11" spans="1:13" ht="14.25" customHeight="1">
      <c r="A11" s="58" t="s">
        <v>196</v>
      </c>
      <c r="B11" s="6">
        <v>9</v>
      </c>
      <c r="C11" s="6">
        <v>2</v>
      </c>
      <c r="D11" s="6">
        <v>0</v>
      </c>
      <c r="E11" s="6">
        <v>11</v>
      </c>
    </row>
    <row r="12" spans="1:13">
      <c r="A12" s="59"/>
      <c r="B12" s="5">
        <v>0.81799999999999995</v>
      </c>
      <c r="C12" s="5">
        <v>0.182</v>
      </c>
      <c r="D12" s="5">
        <v>0</v>
      </c>
      <c r="E12" s="5">
        <v>1</v>
      </c>
      <c r="G12" s="9"/>
      <c r="H12" s="9"/>
      <c r="I12" s="9"/>
      <c r="J12" s="9"/>
      <c r="K12" s="9"/>
      <c r="L12" s="9"/>
      <c r="M12" s="9"/>
    </row>
    <row r="13" spans="1:13">
      <c r="A13" s="73" t="s">
        <v>49</v>
      </c>
      <c r="B13" s="6">
        <v>14</v>
      </c>
      <c r="C13" s="6">
        <v>12</v>
      </c>
      <c r="D13" s="6">
        <v>0</v>
      </c>
      <c r="E13" s="6">
        <v>26</v>
      </c>
    </row>
    <row r="14" spans="1:13">
      <c r="A14" s="74"/>
      <c r="B14" s="5">
        <v>0.53800000000000003</v>
      </c>
      <c r="C14" s="5">
        <v>0.46200000000000002</v>
      </c>
      <c r="D14" s="5">
        <v>0</v>
      </c>
      <c r="E14" s="5">
        <v>1</v>
      </c>
      <c r="G14" s="9"/>
      <c r="H14" s="9"/>
      <c r="I14" s="9"/>
      <c r="J14" s="9"/>
      <c r="K14" s="9"/>
      <c r="L14" s="9"/>
      <c r="M14" s="9"/>
    </row>
    <row r="15" spans="1:13">
      <c r="A15" s="73" t="s">
        <v>171</v>
      </c>
      <c r="B15" s="6">
        <v>7</v>
      </c>
      <c r="C15" s="6">
        <v>5</v>
      </c>
      <c r="D15" s="6">
        <v>0</v>
      </c>
      <c r="E15" s="6">
        <v>12</v>
      </c>
    </row>
    <row r="16" spans="1:13">
      <c r="A16" s="74"/>
      <c r="B16" s="5">
        <v>0.58299999999999996</v>
      </c>
      <c r="C16" s="5">
        <v>0.41699999999999998</v>
      </c>
      <c r="D16" s="5">
        <v>0</v>
      </c>
      <c r="E16" s="5">
        <v>1</v>
      </c>
      <c r="G16" s="9"/>
      <c r="H16" s="9"/>
      <c r="I16" s="9"/>
      <c r="J16" s="9"/>
      <c r="K16" s="9"/>
      <c r="L16" s="9"/>
      <c r="M16" s="9"/>
    </row>
    <row r="17" spans="1:13">
      <c r="A17" s="73" t="s">
        <v>29</v>
      </c>
      <c r="B17" s="4">
        <v>2316</v>
      </c>
      <c r="C17" s="4">
        <v>1359</v>
      </c>
      <c r="D17" s="4">
        <v>10</v>
      </c>
      <c r="E17" s="4">
        <v>3685</v>
      </c>
    </row>
    <row r="18" spans="1:13">
      <c r="A18" s="74"/>
      <c r="B18" s="5">
        <v>0.628</v>
      </c>
      <c r="C18" s="5">
        <v>0.36899999999999999</v>
      </c>
      <c r="D18" s="5">
        <v>3.0000000000000001E-3</v>
      </c>
      <c r="E18" s="5">
        <v>1</v>
      </c>
      <c r="G18" s="9"/>
      <c r="H18" s="9"/>
      <c r="I18" s="9"/>
      <c r="J18" s="9"/>
      <c r="K18" s="9"/>
      <c r="L18" s="9"/>
      <c r="M18" s="9"/>
    </row>
    <row r="19" spans="1:13">
      <c r="A19" s="54" t="s">
        <v>121</v>
      </c>
      <c r="B19" s="54"/>
      <c r="C19" s="54"/>
      <c r="D19" s="54"/>
      <c r="E19" s="54"/>
    </row>
    <row r="20" spans="1:13">
      <c r="A20" s="55"/>
      <c r="B20" s="55"/>
      <c r="C20" s="55"/>
      <c r="D20" s="55"/>
      <c r="E20" s="55"/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10">
    <mergeCell ref="A13:A14"/>
    <mergeCell ref="A15:A16"/>
    <mergeCell ref="A17:A18"/>
    <mergeCell ref="A19:E20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37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22">
      <c r="A1" s="1" t="s">
        <v>643</v>
      </c>
    </row>
    <row r="2" spans="1:22" ht="14.25" customHeight="1">
      <c r="A2" s="41" t="s">
        <v>812</v>
      </c>
      <c r="C2" s="7"/>
      <c r="D2" s="7"/>
      <c r="E2" s="7"/>
      <c r="F2" s="7"/>
      <c r="G2" s="7"/>
    </row>
    <row r="3" spans="1:22" ht="59.25" customHeight="1">
      <c r="A3" s="60" t="s">
        <v>192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22">
      <c r="A4" s="60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22">
      <c r="A5" s="73" t="s">
        <v>193</v>
      </c>
      <c r="B5" s="4">
        <v>35</v>
      </c>
      <c r="C5" s="4">
        <v>286</v>
      </c>
      <c r="D5" s="4">
        <v>243</v>
      </c>
      <c r="E5" s="4">
        <v>78</v>
      </c>
      <c r="F5" s="4">
        <v>104</v>
      </c>
      <c r="G5" s="4">
        <v>217</v>
      </c>
    </row>
    <row r="6" spans="1:22">
      <c r="A6" s="77"/>
      <c r="B6" s="5">
        <v>0.109</v>
      </c>
      <c r="C6" s="5">
        <v>0.89100000000000001</v>
      </c>
      <c r="D6" s="5">
        <v>0.75700000000000001</v>
      </c>
      <c r="E6" s="5">
        <v>0.24299999999999999</v>
      </c>
      <c r="F6" s="5">
        <v>0.32400000000000001</v>
      </c>
      <c r="G6" s="5">
        <v>0.67600000000000005</v>
      </c>
      <c r="H6" s="9"/>
      <c r="J6" s="9"/>
      <c r="L6" s="9"/>
      <c r="M6" s="9"/>
      <c r="N6" s="9"/>
      <c r="P6" s="9"/>
      <c r="Q6" s="9"/>
      <c r="R6" s="9"/>
      <c r="T6" s="9"/>
      <c r="U6" s="9"/>
      <c r="V6" s="9"/>
    </row>
    <row r="7" spans="1:22">
      <c r="A7" s="73" t="s">
        <v>194</v>
      </c>
      <c r="B7" s="4">
        <v>119</v>
      </c>
      <c r="C7" s="4">
        <v>1513</v>
      </c>
      <c r="D7" s="4">
        <v>1317</v>
      </c>
      <c r="E7" s="4">
        <v>315</v>
      </c>
      <c r="F7" s="4">
        <v>529</v>
      </c>
      <c r="G7" s="4">
        <v>1103</v>
      </c>
    </row>
    <row r="8" spans="1:22">
      <c r="A8" s="74"/>
      <c r="B8" s="5">
        <v>7.2999999999999995E-2</v>
      </c>
      <c r="C8" s="5">
        <v>0.92700000000000005</v>
      </c>
      <c r="D8" s="5">
        <v>0.80700000000000005</v>
      </c>
      <c r="E8" s="5">
        <v>0.193</v>
      </c>
      <c r="F8" s="5">
        <v>0.32400000000000001</v>
      </c>
      <c r="G8" s="5">
        <v>0.67600000000000005</v>
      </c>
      <c r="H8" s="9"/>
      <c r="J8" s="9"/>
      <c r="L8" s="9"/>
      <c r="M8" s="9"/>
      <c r="N8" s="9"/>
      <c r="P8" s="9"/>
      <c r="Q8" s="9"/>
      <c r="R8" s="9"/>
      <c r="T8" s="9"/>
      <c r="U8" s="9"/>
      <c r="V8" s="9"/>
    </row>
    <row r="9" spans="1:22">
      <c r="A9" s="73" t="s">
        <v>195</v>
      </c>
      <c r="B9" s="6">
        <v>28</v>
      </c>
      <c r="C9" s="6">
        <v>305</v>
      </c>
      <c r="D9" s="6">
        <v>270</v>
      </c>
      <c r="E9" s="6">
        <v>63</v>
      </c>
      <c r="F9" s="6">
        <v>113</v>
      </c>
      <c r="G9" s="6">
        <v>220</v>
      </c>
    </row>
    <row r="10" spans="1:22">
      <c r="A10" s="74"/>
      <c r="B10" s="5">
        <v>8.4000000000000005E-2</v>
      </c>
      <c r="C10" s="5">
        <v>0.91600000000000004</v>
      </c>
      <c r="D10" s="5">
        <v>0.81100000000000005</v>
      </c>
      <c r="E10" s="5">
        <v>0.189</v>
      </c>
      <c r="F10" s="5">
        <v>0.33900000000000002</v>
      </c>
      <c r="G10" s="5">
        <v>0.66100000000000003</v>
      </c>
      <c r="H10" s="9"/>
      <c r="J10" s="9"/>
      <c r="L10" s="9"/>
      <c r="M10" s="9"/>
      <c r="N10" s="9"/>
      <c r="P10" s="9"/>
      <c r="Q10" s="9"/>
      <c r="R10" s="9"/>
      <c r="T10" s="9"/>
      <c r="U10" s="9"/>
      <c r="V10" s="9"/>
    </row>
    <row r="11" spans="1:22" ht="14.25" customHeight="1">
      <c r="A11" s="58" t="s">
        <v>196</v>
      </c>
      <c r="B11" s="6">
        <v>0</v>
      </c>
      <c r="C11" s="6">
        <v>9</v>
      </c>
      <c r="D11" s="6">
        <v>7</v>
      </c>
      <c r="E11" s="6">
        <v>2</v>
      </c>
      <c r="F11" s="6">
        <v>4</v>
      </c>
      <c r="G11" s="6">
        <v>5</v>
      </c>
    </row>
    <row r="12" spans="1:22">
      <c r="A12" s="59"/>
      <c r="B12" s="5">
        <v>0</v>
      </c>
      <c r="C12" s="5">
        <v>1</v>
      </c>
      <c r="D12" s="5">
        <v>0.77800000000000002</v>
      </c>
      <c r="E12" s="5">
        <v>0.222</v>
      </c>
      <c r="F12" s="5">
        <v>0.44400000000000001</v>
      </c>
      <c r="G12" s="5">
        <v>0.55600000000000005</v>
      </c>
      <c r="H12" s="9"/>
      <c r="J12" s="9"/>
      <c r="L12" s="9"/>
      <c r="M12" s="9"/>
      <c r="N12" s="9"/>
      <c r="P12" s="9"/>
      <c r="Q12" s="9"/>
      <c r="R12" s="9"/>
      <c r="T12" s="9"/>
      <c r="U12" s="9"/>
      <c r="V12" s="9"/>
    </row>
    <row r="13" spans="1:22">
      <c r="A13" s="73" t="s">
        <v>49</v>
      </c>
      <c r="B13" s="6">
        <v>1</v>
      </c>
      <c r="C13" s="6">
        <v>13</v>
      </c>
      <c r="D13" s="6">
        <v>12</v>
      </c>
      <c r="E13" s="6">
        <v>2</v>
      </c>
      <c r="F13" s="6">
        <v>5</v>
      </c>
      <c r="G13" s="6">
        <v>9</v>
      </c>
    </row>
    <row r="14" spans="1:22">
      <c r="A14" s="74"/>
      <c r="B14" s="5">
        <v>7.0999999999999994E-2</v>
      </c>
      <c r="C14" s="5">
        <v>0.92900000000000005</v>
      </c>
      <c r="D14" s="5">
        <v>0.85699999999999998</v>
      </c>
      <c r="E14" s="5">
        <v>0.14299999999999999</v>
      </c>
      <c r="F14" s="5">
        <v>0.35699999999999998</v>
      </c>
      <c r="G14" s="5">
        <v>0.64300000000000002</v>
      </c>
      <c r="H14" s="9"/>
      <c r="J14" s="9"/>
      <c r="L14" s="9"/>
      <c r="M14" s="9"/>
      <c r="N14" s="9"/>
      <c r="P14" s="9"/>
      <c r="Q14" s="9"/>
      <c r="R14" s="9"/>
      <c r="T14" s="9"/>
      <c r="U14" s="9"/>
      <c r="V14" s="9"/>
    </row>
    <row r="15" spans="1:22">
      <c r="A15" s="56" t="s">
        <v>171</v>
      </c>
      <c r="B15" s="6">
        <v>0</v>
      </c>
      <c r="C15" s="6">
        <v>7</v>
      </c>
      <c r="D15" s="6">
        <v>6</v>
      </c>
      <c r="E15" s="6">
        <v>1</v>
      </c>
      <c r="F15" s="6">
        <v>2</v>
      </c>
      <c r="G15" s="6">
        <v>5</v>
      </c>
    </row>
    <row r="16" spans="1:22">
      <c r="A16" s="57"/>
      <c r="B16" s="5">
        <v>0</v>
      </c>
      <c r="C16" s="5">
        <v>1</v>
      </c>
      <c r="D16" s="5">
        <v>0.85699999999999998</v>
      </c>
      <c r="E16" s="5">
        <v>0.14299999999999999</v>
      </c>
      <c r="F16" s="5">
        <v>0.28599999999999998</v>
      </c>
      <c r="G16" s="5">
        <v>0.71399999999999997</v>
      </c>
      <c r="H16" s="9"/>
      <c r="J16" s="9"/>
      <c r="L16" s="9"/>
      <c r="M16" s="9"/>
      <c r="N16" s="9"/>
      <c r="P16" s="9"/>
      <c r="Q16" s="9"/>
      <c r="R16" s="9"/>
      <c r="T16" s="9"/>
      <c r="U16" s="9"/>
      <c r="V16" s="9"/>
    </row>
    <row r="17" spans="1:22">
      <c r="A17" s="56" t="s">
        <v>29</v>
      </c>
      <c r="B17" s="4">
        <v>183</v>
      </c>
      <c r="C17" s="4">
        <v>2133</v>
      </c>
      <c r="D17" s="4">
        <v>1855</v>
      </c>
      <c r="E17" s="4">
        <v>461</v>
      </c>
      <c r="F17" s="4">
        <v>757</v>
      </c>
      <c r="G17" s="4">
        <v>1559</v>
      </c>
    </row>
    <row r="18" spans="1:22">
      <c r="A18" s="57"/>
      <c r="B18" s="5">
        <v>7.9000000000000001E-2</v>
      </c>
      <c r="C18" s="5">
        <v>0.92100000000000004</v>
      </c>
      <c r="D18" s="5">
        <v>0.80100000000000005</v>
      </c>
      <c r="E18" s="5">
        <v>0.19900000000000001</v>
      </c>
      <c r="F18" s="5">
        <v>0.32700000000000001</v>
      </c>
      <c r="G18" s="5">
        <v>0.67300000000000004</v>
      </c>
      <c r="H18" s="9"/>
      <c r="J18" s="9"/>
      <c r="L18" s="9"/>
      <c r="M18" s="9"/>
      <c r="N18" s="9"/>
      <c r="P18" s="9"/>
      <c r="Q18" s="9"/>
      <c r="R18" s="9"/>
      <c r="T18" s="9"/>
      <c r="U18" s="9"/>
      <c r="V18" s="9"/>
    </row>
    <row r="20" spans="1:22" ht="33.75" customHeight="1">
      <c r="A20" s="60" t="s">
        <v>192</v>
      </c>
      <c r="B20" s="62" t="s">
        <v>243</v>
      </c>
      <c r="C20" s="63"/>
      <c r="D20" s="62" t="s">
        <v>244</v>
      </c>
      <c r="E20" s="63"/>
      <c r="F20" s="62" t="s">
        <v>245</v>
      </c>
      <c r="G20" s="64"/>
    </row>
    <row r="21" spans="1:22">
      <c r="A21" s="60"/>
      <c r="B21" s="8" t="s">
        <v>190</v>
      </c>
      <c r="C21" s="8" t="s">
        <v>191</v>
      </c>
      <c r="D21" s="8" t="s">
        <v>190</v>
      </c>
      <c r="E21" s="8" t="s">
        <v>191</v>
      </c>
      <c r="F21" s="8" t="s">
        <v>190</v>
      </c>
      <c r="G21" s="8" t="s">
        <v>191</v>
      </c>
    </row>
    <row r="22" spans="1:22">
      <c r="A22" s="73" t="s">
        <v>193</v>
      </c>
      <c r="B22" s="4">
        <v>205</v>
      </c>
      <c r="C22" s="4">
        <v>116</v>
      </c>
      <c r="D22" s="4">
        <v>10</v>
      </c>
      <c r="E22" s="4">
        <v>311</v>
      </c>
      <c r="F22" s="4">
        <v>21</v>
      </c>
      <c r="G22" s="4">
        <v>300</v>
      </c>
    </row>
    <row r="23" spans="1:22">
      <c r="A23" s="77"/>
      <c r="B23" s="5">
        <v>0.63900000000000001</v>
      </c>
      <c r="C23" s="5">
        <v>0.36099999999999999</v>
      </c>
      <c r="D23" s="5">
        <v>3.1E-2</v>
      </c>
      <c r="E23" s="5">
        <v>0.96899999999999997</v>
      </c>
      <c r="F23" s="5">
        <v>6.5000000000000002E-2</v>
      </c>
      <c r="G23" s="5">
        <v>0.93500000000000005</v>
      </c>
      <c r="H23" s="9"/>
      <c r="J23" s="9"/>
      <c r="L23" s="9"/>
      <c r="M23" s="9"/>
      <c r="N23" s="9"/>
      <c r="P23" s="9"/>
      <c r="Q23" s="9"/>
      <c r="R23" s="9"/>
    </row>
    <row r="24" spans="1:22">
      <c r="A24" s="73" t="s">
        <v>194</v>
      </c>
      <c r="B24" s="4">
        <v>1085</v>
      </c>
      <c r="C24" s="4">
        <v>547</v>
      </c>
      <c r="D24" s="4">
        <v>47</v>
      </c>
      <c r="E24" s="4">
        <v>1585</v>
      </c>
      <c r="F24" s="4">
        <v>59</v>
      </c>
      <c r="G24" s="4">
        <v>1573</v>
      </c>
    </row>
    <row r="25" spans="1:22">
      <c r="A25" s="74"/>
      <c r="B25" s="5">
        <v>0.66500000000000004</v>
      </c>
      <c r="C25" s="5">
        <v>0.33500000000000002</v>
      </c>
      <c r="D25" s="5">
        <v>2.9000000000000001E-2</v>
      </c>
      <c r="E25" s="5">
        <v>0.97099999999999997</v>
      </c>
      <c r="F25" s="5">
        <v>3.5999999999999997E-2</v>
      </c>
      <c r="G25" s="5">
        <v>0.96399999999999997</v>
      </c>
      <c r="H25" s="9"/>
      <c r="J25" s="9"/>
      <c r="L25" s="9"/>
      <c r="M25" s="9"/>
      <c r="N25" s="9"/>
      <c r="P25" s="9"/>
      <c r="Q25" s="9"/>
      <c r="R25" s="9"/>
    </row>
    <row r="26" spans="1:22">
      <c r="A26" s="73" t="s">
        <v>195</v>
      </c>
      <c r="B26" s="6">
        <v>216</v>
      </c>
      <c r="C26" s="6">
        <v>117</v>
      </c>
      <c r="D26" s="6">
        <v>8</v>
      </c>
      <c r="E26" s="6">
        <v>325</v>
      </c>
      <c r="F26" s="6">
        <v>12</v>
      </c>
      <c r="G26" s="6">
        <v>321</v>
      </c>
    </row>
    <row r="27" spans="1:22">
      <c r="A27" s="74"/>
      <c r="B27" s="5">
        <v>0.64900000000000002</v>
      </c>
      <c r="C27" s="5">
        <v>0.35099999999999998</v>
      </c>
      <c r="D27" s="5">
        <v>2.4E-2</v>
      </c>
      <c r="E27" s="5">
        <v>0.97599999999999998</v>
      </c>
      <c r="F27" s="5">
        <v>3.5999999999999997E-2</v>
      </c>
      <c r="G27" s="5">
        <v>0.96399999999999997</v>
      </c>
      <c r="H27" s="9"/>
      <c r="J27" s="9"/>
      <c r="L27" s="9"/>
      <c r="M27" s="9"/>
      <c r="N27" s="9"/>
      <c r="P27" s="9"/>
      <c r="Q27" s="9"/>
      <c r="R27" s="9"/>
    </row>
    <row r="28" spans="1:22">
      <c r="A28" s="73" t="s">
        <v>196</v>
      </c>
      <c r="B28" s="6">
        <v>5</v>
      </c>
      <c r="C28" s="6">
        <v>4</v>
      </c>
      <c r="D28" s="6">
        <v>0</v>
      </c>
      <c r="E28" s="6">
        <v>9</v>
      </c>
      <c r="F28" s="6">
        <v>0</v>
      </c>
      <c r="G28" s="6">
        <v>9</v>
      </c>
    </row>
    <row r="29" spans="1:22">
      <c r="A29" s="74"/>
      <c r="B29" s="5">
        <v>0.55600000000000005</v>
      </c>
      <c r="C29" s="5">
        <v>0.44400000000000001</v>
      </c>
      <c r="D29" s="5">
        <v>0</v>
      </c>
      <c r="E29" s="5">
        <v>1</v>
      </c>
      <c r="F29" s="5">
        <v>0</v>
      </c>
      <c r="G29" s="5">
        <v>1</v>
      </c>
      <c r="H29" s="9"/>
      <c r="J29" s="9"/>
      <c r="L29" s="9"/>
      <c r="M29" s="9"/>
      <c r="N29" s="9"/>
      <c r="P29" s="9"/>
      <c r="Q29" s="9"/>
      <c r="R29" s="9"/>
    </row>
    <row r="30" spans="1:22">
      <c r="A30" s="73" t="s">
        <v>49</v>
      </c>
      <c r="B30" s="6">
        <v>11</v>
      </c>
      <c r="C30" s="6">
        <v>3</v>
      </c>
      <c r="D30" s="6">
        <v>0</v>
      </c>
      <c r="E30" s="6">
        <v>14</v>
      </c>
      <c r="F30" s="6">
        <v>1</v>
      </c>
      <c r="G30" s="6">
        <v>13</v>
      </c>
    </row>
    <row r="31" spans="1:22">
      <c r="A31" s="74"/>
      <c r="B31" s="5">
        <v>0.78600000000000003</v>
      </c>
      <c r="C31" s="5">
        <v>0.214</v>
      </c>
      <c r="D31" s="5">
        <v>0</v>
      </c>
      <c r="E31" s="5">
        <v>1</v>
      </c>
      <c r="F31" s="5">
        <v>7.0999999999999994E-2</v>
      </c>
      <c r="G31" s="5">
        <v>0.92900000000000005</v>
      </c>
      <c r="H31" s="9"/>
      <c r="J31" s="9"/>
      <c r="L31" s="9"/>
      <c r="M31" s="9"/>
      <c r="N31" s="9"/>
      <c r="P31" s="9"/>
      <c r="Q31" s="9"/>
      <c r="R31" s="9"/>
    </row>
    <row r="32" spans="1:22">
      <c r="A32" s="56" t="s">
        <v>171</v>
      </c>
      <c r="B32" s="6">
        <v>6</v>
      </c>
      <c r="C32" s="6">
        <v>1</v>
      </c>
      <c r="D32" s="6">
        <v>0</v>
      </c>
      <c r="E32" s="6">
        <v>7</v>
      </c>
      <c r="F32" s="6">
        <v>0</v>
      </c>
      <c r="G32" s="6">
        <v>7</v>
      </c>
    </row>
    <row r="33" spans="1:18">
      <c r="A33" s="57"/>
      <c r="B33" s="5">
        <v>0.85699999999999998</v>
      </c>
      <c r="C33" s="5">
        <v>0.14299999999999999</v>
      </c>
      <c r="D33" s="5">
        <v>0</v>
      </c>
      <c r="E33" s="5">
        <v>1</v>
      </c>
      <c r="F33" s="5">
        <v>0</v>
      </c>
      <c r="G33" s="5">
        <v>1</v>
      </c>
      <c r="H33" s="9"/>
      <c r="J33" s="9"/>
      <c r="L33" s="9"/>
      <c r="M33" s="9"/>
      <c r="N33" s="9"/>
      <c r="P33" s="9"/>
      <c r="Q33" s="9"/>
      <c r="R33" s="9"/>
    </row>
    <row r="34" spans="1:18">
      <c r="A34" s="56" t="s">
        <v>29</v>
      </c>
      <c r="B34" s="4">
        <v>1528</v>
      </c>
      <c r="C34" s="4">
        <v>788</v>
      </c>
      <c r="D34" s="4">
        <v>65</v>
      </c>
      <c r="E34" s="4">
        <v>2251</v>
      </c>
      <c r="F34" s="4">
        <v>93</v>
      </c>
      <c r="G34" s="4">
        <v>2223</v>
      </c>
    </row>
    <row r="35" spans="1:18">
      <c r="A35" s="57"/>
      <c r="B35" s="5">
        <v>0.66</v>
      </c>
      <c r="C35" s="5">
        <v>0.34</v>
      </c>
      <c r="D35" s="5">
        <v>2.8000000000000001E-2</v>
      </c>
      <c r="E35" s="5">
        <v>0.97199999999999998</v>
      </c>
      <c r="F35" s="5">
        <v>0.04</v>
      </c>
      <c r="G35" s="5">
        <v>0.96</v>
      </c>
      <c r="H35" s="9"/>
      <c r="J35" s="9"/>
      <c r="L35" s="9"/>
      <c r="M35" s="9"/>
      <c r="N35" s="9"/>
      <c r="P35" s="9"/>
      <c r="Q35" s="9"/>
      <c r="R35" s="9"/>
    </row>
    <row r="36" spans="1:18">
      <c r="A36" s="55" t="s">
        <v>631</v>
      </c>
      <c r="B36" s="55"/>
      <c r="C36" s="55"/>
      <c r="D36" s="55"/>
      <c r="E36" s="55"/>
      <c r="F36" s="55"/>
      <c r="G36" s="55"/>
    </row>
    <row r="37" spans="1:18">
      <c r="A37" s="55"/>
      <c r="B37" s="55"/>
      <c r="C37" s="55"/>
      <c r="D37" s="55"/>
      <c r="E37" s="55"/>
      <c r="F37" s="55"/>
      <c r="G37" s="55"/>
    </row>
  </sheetData>
  <mergeCells count="23">
    <mergeCell ref="A34:A35"/>
    <mergeCell ref="A36:G37"/>
    <mergeCell ref="B20:C20"/>
    <mergeCell ref="A22:A23"/>
    <mergeCell ref="A24:A25"/>
    <mergeCell ref="A26:A27"/>
    <mergeCell ref="A28:A29"/>
    <mergeCell ref="A30:A31"/>
    <mergeCell ref="A32:A33"/>
    <mergeCell ref="A20:A21"/>
    <mergeCell ref="F20:G20"/>
    <mergeCell ref="D20:E20"/>
    <mergeCell ref="F3:G3"/>
    <mergeCell ref="A5:A6"/>
    <mergeCell ref="A7:A8"/>
    <mergeCell ref="A9:A10"/>
    <mergeCell ref="A11:A12"/>
    <mergeCell ref="A17:A18"/>
    <mergeCell ref="A15:A16"/>
    <mergeCell ref="A3:A4"/>
    <mergeCell ref="B3:C3"/>
    <mergeCell ref="D3:E3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0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19">
      <c r="A1" s="1" t="s">
        <v>644</v>
      </c>
    </row>
    <row r="2" spans="1:19" ht="14.25" customHeight="1">
      <c r="A2" s="41" t="s">
        <v>812</v>
      </c>
      <c r="C2" s="7"/>
      <c r="D2" s="7"/>
      <c r="E2" s="7"/>
      <c r="F2" s="7"/>
      <c r="G2" s="7"/>
    </row>
    <row r="3" spans="1:19" ht="45" customHeight="1">
      <c r="A3" s="60" t="s">
        <v>192</v>
      </c>
      <c r="B3" s="62" t="s">
        <v>246</v>
      </c>
      <c r="C3" s="63"/>
      <c r="D3" s="62" t="s">
        <v>247</v>
      </c>
      <c r="E3" s="63"/>
      <c r="F3" s="62" t="s">
        <v>248</v>
      </c>
      <c r="G3" s="64"/>
    </row>
    <row r="4" spans="1:19">
      <c r="A4" s="60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19">
      <c r="A5" s="73" t="s">
        <v>193</v>
      </c>
      <c r="B5" s="4">
        <v>17</v>
      </c>
      <c r="C5" s="4">
        <v>304</v>
      </c>
      <c r="D5" s="4">
        <v>1</v>
      </c>
      <c r="E5" s="4">
        <v>320</v>
      </c>
      <c r="F5" s="4">
        <v>4</v>
      </c>
      <c r="G5" s="4">
        <v>317</v>
      </c>
    </row>
    <row r="6" spans="1:19">
      <c r="A6" s="77"/>
      <c r="B6" s="5">
        <v>5.2999999999999999E-2</v>
      </c>
      <c r="C6" s="5">
        <v>0.94699999999999995</v>
      </c>
      <c r="D6" s="5">
        <v>3.0000000000000001E-3</v>
      </c>
      <c r="E6" s="5">
        <v>0.997</v>
      </c>
      <c r="F6" s="5">
        <v>1.2E-2</v>
      </c>
      <c r="G6" s="5">
        <v>0.98799999999999999</v>
      </c>
      <c r="J6" s="9"/>
      <c r="K6" s="9"/>
      <c r="M6" s="9"/>
      <c r="N6" s="9"/>
      <c r="O6" s="9"/>
      <c r="Q6" s="9"/>
      <c r="R6" s="9"/>
      <c r="S6" s="9"/>
    </row>
    <row r="7" spans="1:19">
      <c r="A7" s="73" t="s">
        <v>194</v>
      </c>
      <c r="B7" s="4">
        <v>78</v>
      </c>
      <c r="C7" s="4">
        <v>1554</v>
      </c>
      <c r="D7" s="4">
        <v>3</v>
      </c>
      <c r="E7" s="4">
        <v>1629</v>
      </c>
      <c r="F7" s="4">
        <v>33</v>
      </c>
      <c r="G7" s="4">
        <v>1599</v>
      </c>
    </row>
    <row r="8" spans="1:19">
      <c r="A8" s="74"/>
      <c r="B8" s="5">
        <v>4.8000000000000001E-2</v>
      </c>
      <c r="C8" s="5">
        <v>0.95199999999999996</v>
      </c>
      <c r="D8" s="5">
        <v>2E-3</v>
      </c>
      <c r="E8" s="5">
        <v>0.998</v>
      </c>
      <c r="F8" s="5">
        <v>0.02</v>
      </c>
      <c r="G8" s="5">
        <v>0.98</v>
      </c>
      <c r="J8" s="9"/>
      <c r="K8" s="9"/>
      <c r="M8" s="9"/>
      <c r="N8" s="9"/>
      <c r="O8" s="9"/>
      <c r="Q8" s="9"/>
      <c r="R8" s="9"/>
      <c r="S8" s="9"/>
    </row>
    <row r="9" spans="1:19">
      <c r="A9" s="73" t="s">
        <v>195</v>
      </c>
      <c r="B9" s="6">
        <v>18</v>
      </c>
      <c r="C9" s="6">
        <v>315</v>
      </c>
      <c r="D9" s="6">
        <v>2</v>
      </c>
      <c r="E9" s="6">
        <v>331</v>
      </c>
      <c r="F9" s="6">
        <v>7</v>
      </c>
      <c r="G9" s="6">
        <v>326</v>
      </c>
    </row>
    <row r="10" spans="1:19">
      <c r="A10" s="74"/>
      <c r="B10" s="5">
        <v>5.3999999999999999E-2</v>
      </c>
      <c r="C10" s="5">
        <v>0.94599999999999995</v>
      </c>
      <c r="D10" s="5">
        <v>6.0000000000000001E-3</v>
      </c>
      <c r="E10" s="5">
        <v>0.99399999999999999</v>
      </c>
      <c r="F10" s="5">
        <v>2.1000000000000001E-2</v>
      </c>
      <c r="G10" s="5">
        <v>0.97899999999999998</v>
      </c>
      <c r="J10" s="9"/>
      <c r="K10" s="9"/>
      <c r="M10" s="9"/>
      <c r="N10" s="9"/>
      <c r="O10" s="9"/>
      <c r="Q10" s="9"/>
      <c r="R10" s="9"/>
      <c r="S10" s="9"/>
    </row>
    <row r="11" spans="1:19" ht="14.25" customHeight="1">
      <c r="A11" s="58" t="s">
        <v>196</v>
      </c>
      <c r="B11" s="6">
        <v>1</v>
      </c>
      <c r="C11" s="6">
        <v>8</v>
      </c>
      <c r="D11" s="6">
        <v>0</v>
      </c>
      <c r="E11" s="6">
        <v>9</v>
      </c>
      <c r="F11" s="6">
        <v>0</v>
      </c>
      <c r="G11" s="6">
        <v>9</v>
      </c>
    </row>
    <row r="12" spans="1:19">
      <c r="A12" s="59"/>
      <c r="B12" s="5">
        <v>0.111</v>
      </c>
      <c r="C12" s="5">
        <v>0.88900000000000001</v>
      </c>
      <c r="D12" s="5">
        <v>0</v>
      </c>
      <c r="E12" s="5">
        <v>1</v>
      </c>
      <c r="F12" s="5">
        <v>0</v>
      </c>
      <c r="G12" s="5">
        <v>1</v>
      </c>
      <c r="J12" s="9"/>
      <c r="K12" s="9"/>
      <c r="M12" s="9"/>
      <c r="N12" s="9"/>
      <c r="O12" s="9"/>
      <c r="Q12" s="9"/>
      <c r="R12" s="9"/>
      <c r="S12" s="9"/>
    </row>
    <row r="13" spans="1:19">
      <c r="A13" s="73" t="s">
        <v>49</v>
      </c>
      <c r="B13" s="6">
        <v>0</v>
      </c>
      <c r="C13" s="6">
        <v>14</v>
      </c>
      <c r="D13" s="6">
        <v>0</v>
      </c>
      <c r="E13" s="6">
        <v>14</v>
      </c>
      <c r="F13" s="6">
        <v>0</v>
      </c>
      <c r="G13" s="6">
        <v>14</v>
      </c>
    </row>
    <row r="14" spans="1:19">
      <c r="A14" s="74"/>
      <c r="B14" s="5">
        <v>0</v>
      </c>
      <c r="C14" s="5">
        <v>1</v>
      </c>
      <c r="D14" s="5">
        <v>0</v>
      </c>
      <c r="E14" s="5">
        <v>1</v>
      </c>
      <c r="F14" s="5">
        <v>0</v>
      </c>
      <c r="G14" s="5">
        <v>1</v>
      </c>
      <c r="J14" s="9"/>
      <c r="K14" s="9"/>
      <c r="M14" s="9"/>
      <c r="N14" s="9"/>
      <c r="O14" s="9"/>
      <c r="Q14" s="9"/>
      <c r="R14" s="9"/>
      <c r="S14" s="9"/>
    </row>
    <row r="15" spans="1:19">
      <c r="A15" s="56" t="s">
        <v>171</v>
      </c>
      <c r="B15" s="6">
        <v>0</v>
      </c>
      <c r="C15" s="6">
        <v>7</v>
      </c>
      <c r="D15" s="6">
        <v>0</v>
      </c>
      <c r="E15" s="6">
        <v>7</v>
      </c>
      <c r="F15" s="6">
        <v>0</v>
      </c>
      <c r="G15" s="6">
        <v>7</v>
      </c>
    </row>
    <row r="16" spans="1:19">
      <c r="A16" s="57"/>
      <c r="B16" s="5">
        <v>0</v>
      </c>
      <c r="C16" s="5">
        <v>1</v>
      </c>
      <c r="D16" s="5">
        <v>0</v>
      </c>
      <c r="E16" s="5">
        <v>1</v>
      </c>
      <c r="F16" s="5">
        <v>0</v>
      </c>
      <c r="G16" s="5">
        <v>1</v>
      </c>
      <c r="J16" s="9"/>
      <c r="K16" s="9"/>
      <c r="M16" s="9"/>
      <c r="N16" s="9"/>
      <c r="O16" s="9"/>
      <c r="Q16" s="9"/>
      <c r="R16" s="9"/>
      <c r="S16" s="9"/>
    </row>
    <row r="17" spans="1:19">
      <c r="A17" s="56" t="s">
        <v>29</v>
      </c>
      <c r="B17" s="4">
        <v>114</v>
      </c>
      <c r="C17" s="4">
        <v>2202</v>
      </c>
      <c r="D17" s="4">
        <v>6</v>
      </c>
      <c r="E17" s="4">
        <v>2310</v>
      </c>
      <c r="F17" s="4">
        <v>44</v>
      </c>
      <c r="G17" s="4">
        <v>2272</v>
      </c>
    </row>
    <row r="18" spans="1:19">
      <c r="A18" s="57"/>
      <c r="B18" s="5">
        <v>4.9000000000000002E-2</v>
      </c>
      <c r="C18" s="5">
        <v>0.95099999999999996</v>
      </c>
      <c r="D18" s="5">
        <v>3.0000000000000001E-3</v>
      </c>
      <c r="E18" s="5">
        <v>0.997</v>
      </c>
      <c r="F18" s="5">
        <v>1.9E-2</v>
      </c>
      <c r="G18" s="5">
        <v>0.98099999999999998</v>
      </c>
      <c r="J18" s="9"/>
      <c r="K18" s="9"/>
      <c r="M18" s="9"/>
      <c r="N18" s="9"/>
      <c r="O18" s="9"/>
      <c r="Q18" s="9"/>
      <c r="R18" s="9"/>
      <c r="S18" s="9"/>
    </row>
    <row r="19" spans="1:19">
      <c r="A19" s="55" t="s">
        <v>631</v>
      </c>
      <c r="B19" s="55"/>
      <c r="C19" s="55"/>
      <c r="D19" s="55"/>
      <c r="E19" s="55"/>
      <c r="F19" s="55"/>
      <c r="G19" s="55"/>
    </row>
    <row r="20" spans="1:19">
      <c r="A20" s="55"/>
      <c r="B20" s="55"/>
      <c r="C20" s="55"/>
      <c r="D20" s="55"/>
      <c r="E20" s="55"/>
      <c r="F20" s="55"/>
      <c r="G20" s="55"/>
    </row>
  </sheetData>
  <mergeCells count="12">
    <mergeCell ref="A17:A18"/>
    <mergeCell ref="A19:G20"/>
    <mergeCell ref="A15:A16"/>
    <mergeCell ref="A3:A4"/>
    <mergeCell ref="B3:C3"/>
    <mergeCell ref="D3:E3"/>
    <mergeCell ref="F3:G3"/>
    <mergeCell ref="A5:A6"/>
    <mergeCell ref="A7:A8"/>
    <mergeCell ref="A9:A10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A1:R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8">
      <c r="A1" s="1" t="s">
        <v>498</v>
      </c>
    </row>
    <row r="2" spans="1:18" ht="14.25" customHeight="1">
      <c r="A2" s="41" t="s">
        <v>812</v>
      </c>
      <c r="C2" s="7"/>
      <c r="D2" s="7"/>
      <c r="E2" s="7"/>
      <c r="F2" s="7"/>
      <c r="G2" s="7"/>
    </row>
    <row r="3" spans="1:18" ht="14.25" customHeight="1">
      <c r="A3" s="60" t="s">
        <v>26</v>
      </c>
      <c r="B3" s="53" t="s">
        <v>116</v>
      </c>
      <c r="C3" s="53"/>
      <c r="D3" s="53"/>
      <c r="E3" s="53"/>
      <c r="F3" s="53"/>
      <c r="G3" s="53"/>
      <c r="H3" s="2"/>
    </row>
    <row r="4" spans="1:18" ht="28.5">
      <c r="A4" s="60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18">
      <c r="A5" s="56" t="s">
        <v>30</v>
      </c>
      <c r="B5" s="4">
        <v>1057</v>
      </c>
      <c r="C5" s="4">
        <v>102</v>
      </c>
      <c r="D5" s="4">
        <v>194</v>
      </c>
      <c r="E5" s="4">
        <v>46</v>
      </c>
      <c r="F5" s="4">
        <v>7</v>
      </c>
      <c r="G5" s="4">
        <v>1406</v>
      </c>
    </row>
    <row r="6" spans="1:18">
      <c r="A6" s="61"/>
      <c r="B6" s="5">
        <v>0.752</v>
      </c>
      <c r="C6" s="5">
        <v>7.2999999999999995E-2</v>
      </c>
      <c r="D6" s="5">
        <v>0.13800000000000001</v>
      </c>
      <c r="E6" s="5">
        <v>3.3000000000000002E-2</v>
      </c>
      <c r="F6" s="5">
        <v>5.0000000000000001E-3</v>
      </c>
      <c r="G6" s="5">
        <v>1</v>
      </c>
    </row>
    <row r="7" spans="1:18">
      <c r="A7" s="56" t="s">
        <v>31</v>
      </c>
      <c r="B7" s="6">
        <v>608</v>
      </c>
      <c r="C7" s="6">
        <v>54</v>
      </c>
      <c r="D7" s="6">
        <v>77</v>
      </c>
      <c r="E7" s="6">
        <v>22</v>
      </c>
      <c r="F7" s="6">
        <v>4</v>
      </c>
      <c r="G7" s="4">
        <v>765</v>
      </c>
    </row>
    <row r="8" spans="1:18">
      <c r="A8" s="57"/>
      <c r="B8" s="5">
        <v>0.79500000000000004</v>
      </c>
      <c r="C8" s="5">
        <v>7.0999999999999994E-2</v>
      </c>
      <c r="D8" s="5">
        <v>0.10100000000000001</v>
      </c>
      <c r="E8" s="5">
        <v>2.9000000000000001E-2</v>
      </c>
      <c r="F8" s="5">
        <v>5.0000000000000001E-3</v>
      </c>
      <c r="G8" s="5">
        <v>1</v>
      </c>
      <c r="M8" s="9"/>
      <c r="N8" s="9"/>
      <c r="O8" s="9"/>
      <c r="P8" s="9"/>
      <c r="Q8" s="9"/>
      <c r="R8" s="9"/>
    </row>
    <row r="9" spans="1:18">
      <c r="A9" s="56" t="s">
        <v>32</v>
      </c>
      <c r="B9" s="6">
        <v>185</v>
      </c>
      <c r="C9" s="6">
        <v>12</v>
      </c>
      <c r="D9" s="6">
        <v>36</v>
      </c>
      <c r="E9" s="6">
        <v>7</v>
      </c>
      <c r="F9" s="6">
        <v>0</v>
      </c>
      <c r="G9" s="6">
        <v>240</v>
      </c>
    </row>
    <row r="10" spans="1:18">
      <c r="A10" s="57"/>
      <c r="B10" s="5">
        <v>0.77100000000000002</v>
      </c>
      <c r="C10" s="5">
        <v>0.05</v>
      </c>
      <c r="D10" s="5">
        <v>0.15</v>
      </c>
      <c r="E10" s="5">
        <v>2.9000000000000001E-2</v>
      </c>
      <c r="F10" s="5">
        <v>0</v>
      </c>
      <c r="G10" s="5">
        <v>1</v>
      </c>
      <c r="M10" s="9"/>
      <c r="N10" s="9"/>
      <c r="O10" s="9"/>
      <c r="P10" s="9"/>
      <c r="Q10" s="9"/>
      <c r="R10" s="9"/>
    </row>
    <row r="11" spans="1:18" ht="14.25" customHeight="1">
      <c r="A11" s="58" t="s">
        <v>38</v>
      </c>
      <c r="B11" s="6">
        <v>149</v>
      </c>
      <c r="C11" s="6">
        <v>14</v>
      </c>
      <c r="D11" s="6">
        <v>22</v>
      </c>
      <c r="E11" s="6">
        <v>13</v>
      </c>
      <c r="F11" s="6">
        <v>1</v>
      </c>
      <c r="G11" s="6">
        <v>199</v>
      </c>
    </row>
    <row r="12" spans="1:18">
      <c r="A12" s="59"/>
      <c r="B12" s="5">
        <v>0.749</v>
      </c>
      <c r="C12" s="5">
        <v>7.0000000000000007E-2</v>
      </c>
      <c r="D12" s="5">
        <v>0.111</v>
      </c>
      <c r="E12" s="5">
        <v>6.5000000000000002E-2</v>
      </c>
      <c r="F12" s="5">
        <v>5.0000000000000001E-3</v>
      </c>
      <c r="G12" s="5">
        <v>1</v>
      </c>
      <c r="M12" s="9"/>
      <c r="N12" s="9"/>
      <c r="O12" s="9"/>
      <c r="P12" s="9"/>
      <c r="Q12" s="9"/>
      <c r="R12" s="9"/>
    </row>
    <row r="13" spans="1:18">
      <c r="A13" s="56" t="s">
        <v>33</v>
      </c>
      <c r="B13" s="6">
        <v>222</v>
      </c>
      <c r="C13" s="6">
        <v>21</v>
      </c>
      <c r="D13" s="6">
        <v>36</v>
      </c>
      <c r="E13" s="6">
        <v>8</v>
      </c>
      <c r="F13" s="6">
        <v>2</v>
      </c>
      <c r="G13" s="6">
        <v>289</v>
      </c>
    </row>
    <row r="14" spans="1:18">
      <c r="A14" s="57"/>
      <c r="B14" s="5">
        <v>0.76800000000000002</v>
      </c>
      <c r="C14" s="5">
        <v>7.2999999999999995E-2</v>
      </c>
      <c r="D14" s="5">
        <v>0.125</v>
      </c>
      <c r="E14" s="5">
        <v>2.8000000000000001E-2</v>
      </c>
      <c r="F14" s="5">
        <v>7.0000000000000001E-3</v>
      </c>
      <c r="G14" s="5">
        <v>1</v>
      </c>
      <c r="M14" s="9"/>
      <c r="N14" s="9"/>
      <c r="O14" s="9"/>
      <c r="P14" s="9"/>
      <c r="Q14" s="9"/>
      <c r="R14" s="9"/>
    </row>
    <row r="15" spans="1:18">
      <c r="A15" s="56" t="s">
        <v>34</v>
      </c>
      <c r="B15" s="6">
        <v>195</v>
      </c>
      <c r="C15" s="6">
        <v>21</v>
      </c>
      <c r="D15" s="6">
        <v>28</v>
      </c>
      <c r="E15" s="6">
        <v>6</v>
      </c>
      <c r="F15" s="6">
        <v>2</v>
      </c>
      <c r="G15" s="6">
        <v>252</v>
      </c>
    </row>
    <row r="16" spans="1:18">
      <c r="A16" s="57"/>
      <c r="B16" s="5">
        <v>0.77400000000000002</v>
      </c>
      <c r="C16" s="5">
        <v>8.3000000000000004E-2</v>
      </c>
      <c r="D16" s="5">
        <v>0.111</v>
      </c>
      <c r="E16" s="5">
        <v>2.4E-2</v>
      </c>
      <c r="F16" s="5">
        <v>8.0000000000000002E-3</v>
      </c>
      <c r="G16" s="5">
        <v>1</v>
      </c>
      <c r="M16" s="9"/>
      <c r="N16" s="9"/>
      <c r="O16" s="9"/>
      <c r="P16" s="9"/>
      <c r="Q16" s="9"/>
      <c r="R16" s="9"/>
    </row>
    <row r="17" spans="1:18">
      <c r="A17" s="56" t="s">
        <v>35</v>
      </c>
      <c r="B17" s="6">
        <v>287</v>
      </c>
      <c r="C17" s="6">
        <v>34</v>
      </c>
      <c r="D17" s="6">
        <v>40</v>
      </c>
      <c r="E17" s="6">
        <v>14</v>
      </c>
      <c r="F17" s="6">
        <v>1</v>
      </c>
      <c r="G17" s="6">
        <v>376</v>
      </c>
    </row>
    <row r="18" spans="1:18">
      <c r="A18" s="57"/>
      <c r="B18" s="5">
        <v>0.76300000000000001</v>
      </c>
      <c r="C18" s="5">
        <v>0.09</v>
      </c>
      <c r="D18" s="5">
        <v>0.106</v>
      </c>
      <c r="E18" s="5">
        <v>3.6999999999999998E-2</v>
      </c>
      <c r="F18" s="5">
        <v>3.0000000000000001E-3</v>
      </c>
      <c r="G18" s="5">
        <v>1</v>
      </c>
      <c r="M18" s="9"/>
      <c r="N18" s="9"/>
      <c r="O18" s="9"/>
      <c r="P18" s="9"/>
      <c r="Q18" s="9"/>
      <c r="R18" s="9"/>
    </row>
    <row r="19" spans="1:18">
      <c r="A19" s="56" t="s">
        <v>36</v>
      </c>
      <c r="B19" s="6">
        <v>122</v>
      </c>
      <c r="C19" s="6">
        <v>10</v>
      </c>
      <c r="D19" s="6">
        <v>20</v>
      </c>
      <c r="E19" s="6">
        <v>4</v>
      </c>
      <c r="F19" s="6">
        <v>2</v>
      </c>
      <c r="G19" s="6">
        <v>158</v>
      </c>
    </row>
    <row r="20" spans="1:18">
      <c r="A20" s="57"/>
      <c r="B20" s="5">
        <v>0.77200000000000002</v>
      </c>
      <c r="C20" s="5">
        <v>6.3E-2</v>
      </c>
      <c r="D20" s="5">
        <v>0.127</v>
      </c>
      <c r="E20" s="5">
        <v>2.5000000000000001E-2</v>
      </c>
      <c r="F20" s="5">
        <v>1.2999999999999999E-2</v>
      </c>
      <c r="G20" s="5">
        <v>1</v>
      </c>
      <c r="M20" s="9"/>
      <c r="N20" s="9"/>
      <c r="O20" s="9"/>
      <c r="P20" s="9"/>
      <c r="Q20" s="9"/>
      <c r="R20" s="9"/>
    </row>
    <row r="21" spans="1:18">
      <c r="A21" s="56" t="s">
        <v>29</v>
      </c>
      <c r="B21" s="4">
        <v>2825</v>
      </c>
      <c r="C21" s="4">
        <v>268</v>
      </c>
      <c r="D21" s="4">
        <v>453</v>
      </c>
      <c r="E21" s="4">
        <v>120</v>
      </c>
      <c r="F21" s="4">
        <v>19</v>
      </c>
      <c r="G21" s="4">
        <v>3685</v>
      </c>
    </row>
    <row r="22" spans="1:18">
      <c r="A22" s="57"/>
      <c r="B22" s="5">
        <v>0.76700000000000002</v>
      </c>
      <c r="C22" s="5">
        <v>7.2999999999999995E-2</v>
      </c>
      <c r="D22" s="5">
        <v>0.123</v>
      </c>
      <c r="E22" s="5">
        <v>3.3000000000000002E-2</v>
      </c>
      <c r="F22" s="5">
        <v>5.0000000000000001E-3</v>
      </c>
      <c r="G22" s="5">
        <v>1</v>
      </c>
      <c r="M22" s="9"/>
      <c r="N22" s="9"/>
      <c r="O22" s="9"/>
      <c r="P22" s="9"/>
      <c r="Q22" s="9"/>
      <c r="R22" s="9"/>
    </row>
    <row r="23" spans="1:18">
      <c r="A23" s="54" t="s">
        <v>119</v>
      </c>
      <c r="B23" s="54"/>
      <c r="C23" s="54"/>
      <c r="D23" s="54"/>
      <c r="E23" s="54"/>
      <c r="F23" s="54"/>
      <c r="G23" s="54"/>
    </row>
    <row r="24" spans="1:18">
      <c r="A24" s="55"/>
      <c r="B24" s="55"/>
      <c r="C24" s="55"/>
      <c r="D24" s="55"/>
      <c r="E24" s="55"/>
      <c r="F24" s="55"/>
      <c r="G24" s="55"/>
      <c r="M24" s="9"/>
      <c r="N24" s="9"/>
      <c r="O24" s="9"/>
      <c r="P24" s="9"/>
      <c r="Q24" s="9"/>
      <c r="R24" s="9"/>
    </row>
  </sheetData>
  <mergeCells count="12">
    <mergeCell ref="A23:G24"/>
    <mergeCell ref="A3:A4"/>
    <mergeCell ref="B3:G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2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645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92</v>
      </c>
      <c r="B3" s="53" t="s">
        <v>122</v>
      </c>
      <c r="C3" s="53"/>
      <c r="D3" s="53"/>
      <c r="E3" s="53"/>
      <c r="F3" s="2"/>
    </row>
    <row r="4" spans="1:13" ht="28.5">
      <c r="A4" s="60"/>
      <c r="B4" s="8" t="s">
        <v>160</v>
      </c>
      <c r="C4" s="8" t="s">
        <v>161</v>
      </c>
      <c r="D4" s="3" t="s">
        <v>27</v>
      </c>
      <c r="E4" s="3" t="s">
        <v>28</v>
      </c>
    </row>
    <row r="5" spans="1:13">
      <c r="A5" s="73" t="s">
        <v>193</v>
      </c>
      <c r="B5" s="4">
        <v>272</v>
      </c>
      <c r="C5" s="4">
        <v>253</v>
      </c>
      <c r="D5" s="4">
        <v>3</v>
      </c>
      <c r="E5" s="4">
        <v>528</v>
      </c>
    </row>
    <row r="6" spans="1:13">
      <c r="A6" s="77"/>
      <c r="B6" s="5">
        <v>0.51500000000000001</v>
      </c>
      <c r="C6" s="5">
        <v>0.47899999999999998</v>
      </c>
      <c r="D6" s="5">
        <v>6.0000000000000001E-3</v>
      </c>
      <c r="E6" s="5">
        <v>1</v>
      </c>
      <c r="H6" s="9"/>
      <c r="I6" s="9"/>
      <c r="J6" s="9"/>
      <c r="K6" s="9"/>
    </row>
    <row r="7" spans="1:13">
      <c r="A7" s="73" t="s">
        <v>194</v>
      </c>
      <c r="B7" s="4">
        <v>1449</v>
      </c>
      <c r="C7" s="4">
        <v>1144</v>
      </c>
      <c r="D7" s="4">
        <v>9</v>
      </c>
      <c r="E7" s="4">
        <v>2602</v>
      </c>
    </row>
    <row r="8" spans="1:13">
      <c r="A8" s="74"/>
      <c r="B8" s="5">
        <v>0.55700000000000005</v>
      </c>
      <c r="C8" s="5">
        <v>0.44</v>
      </c>
      <c r="D8" s="5">
        <v>3.0000000000000001E-3</v>
      </c>
      <c r="E8" s="5">
        <v>1</v>
      </c>
      <c r="H8" s="9"/>
      <c r="I8" s="9"/>
      <c r="J8" s="9"/>
      <c r="K8" s="9"/>
      <c r="L8" s="9"/>
      <c r="M8" s="9"/>
    </row>
    <row r="9" spans="1:13">
      <c r="A9" s="73" t="s">
        <v>195</v>
      </c>
      <c r="B9" s="6">
        <v>285</v>
      </c>
      <c r="C9" s="6">
        <v>220</v>
      </c>
      <c r="D9" s="6">
        <v>1</v>
      </c>
      <c r="E9" s="6">
        <v>506</v>
      </c>
    </row>
    <row r="10" spans="1:13">
      <c r="A10" s="74"/>
      <c r="B10" s="5">
        <v>0.56299999999999994</v>
      </c>
      <c r="C10" s="5">
        <v>0.435</v>
      </c>
      <c r="D10" s="5">
        <v>2E-3</v>
      </c>
      <c r="E10" s="5">
        <v>1</v>
      </c>
      <c r="H10" s="9"/>
      <c r="I10" s="9"/>
      <c r="J10" s="9"/>
      <c r="K10" s="9"/>
      <c r="L10" s="9"/>
      <c r="M10" s="9"/>
    </row>
    <row r="11" spans="1:13" ht="14.25" customHeight="1">
      <c r="A11" s="58" t="s">
        <v>196</v>
      </c>
      <c r="B11" s="6">
        <v>6</v>
      </c>
      <c r="C11" s="6">
        <v>5</v>
      </c>
      <c r="D11" s="6">
        <v>0</v>
      </c>
      <c r="E11" s="6">
        <v>11</v>
      </c>
    </row>
    <row r="12" spans="1:13">
      <c r="A12" s="59"/>
      <c r="B12" s="5">
        <v>0.54500000000000004</v>
      </c>
      <c r="C12" s="5">
        <v>0.45500000000000002</v>
      </c>
      <c r="D12" s="5">
        <v>0</v>
      </c>
      <c r="E12" s="5">
        <v>1</v>
      </c>
      <c r="H12" s="9"/>
      <c r="I12" s="9"/>
      <c r="J12" s="9"/>
      <c r="K12" s="9"/>
      <c r="L12" s="9"/>
      <c r="M12" s="9"/>
    </row>
    <row r="13" spans="1:13">
      <c r="A13" s="73" t="s">
        <v>49</v>
      </c>
      <c r="B13" s="6">
        <v>12</v>
      </c>
      <c r="C13" s="6">
        <v>13</v>
      </c>
      <c r="D13" s="6">
        <v>1</v>
      </c>
      <c r="E13" s="6">
        <v>26</v>
      </c>
    </row>
    <row r="14" spans="1:13">
      <c r="A14" s="74"/>
      <c r="B14" s="5">
        <v>0.46200000000000002</v>
      </c>
      <c r="C14" s="5">
        <v>0.5</v>
      </c>
      <c r="D14" s="5">
        <v>3.7999999999999999E-2</v>
      </c>
      <c r="E14" s="5">
        <v>1</v>
      </c>
      <c r="H14" s="9"/>
      <c r="I14" s="9"/>
      <c r="J14" s="9"/>
      <c r="K14" s="9"/>
      <c r="L14" s="9"/>
      <c r="M14" s="9"/>
    </row>
    <row r="15" spans="1:13">
      <c r="A15" s="56" t="s">
        <v>171</v>
      </c>
      <c r="B15" s="6">
        <v>6</v>
      </c>
      <c r="C15" s="6">
        <v>5</v>
      </c>
      <c r="D15" s="6">
        <v>1</v>
      </c>
      <c r="E15" s="6">
        <v>12</v>
      </c>
    </row>
    <row r="16" spans="1:13">
      <c r="A16" s="57"/>
      <c r="B16" s="5">
        <v>0.5</v>
      </c>
      <c r="C16" s="5">
        <v>0.41699999999999998</v>
      </c>
      <c r="D16" s="5">
        <v>8.3000000000000004E-2</v>
      </c>
      <c r="E16" s="5">
        <v>1</v>
      </c>
      <c r="H16" s="9"/>
      <c r="I16" s="9"/>
      <c r="J16" s="9"/>
      <c r="K16" s="9"/>
      <c r="L16" s="9"/>
      <c r="M16" s="9"/>
    </row>
    <row r="17" spans="1:13">
      <c r="A17" s="56" t="s">
        <v>29</v>
      </c>
      <c r="B17" s="4">
        <v>2030</v>
      </c>
      <c r="C17" s="4">
        <v>1640</v>
      </c>
      <c r="D17" s="4">
        <v>15</v>
      </c>
      <c r="E17" s="4">
        <v>3685</v>
      </c>
    </row>
    <row r="18" spans="1:13">
      <c r="A18" s="57"/>
      <c r="B18" s="5">
        <v>0.55100000000000005</v>
      </c>
      <c r="C18" s="5">
        <v>0.44500000000000001</v>
      </c>
      <c r="D18" s="5">
        <v>4.0000000000000001E-3</v>
      </c>
      <c r="E18" s="5">
        <v>1</v>
      </c>
      <c r="H18" s="9"/>
      <c r="I18" s="9"/>
      <c r="J18" s="9"/>
      <c r="K18" s="9"/>
      <c r="L18" s="9"/>
      <c r="M18" s="9"/>
    </row>
    <row r="19" spans="1:13">
      <c r="A19" s="54" t="s">
        <v>123</v>
      </c>
      <c r="B19" s="54"/>
      <c r="C19" s="54"/>
      <c r="D19" s="54"/>
      <c r="E19" s="54"/>
    </row>
    <row r="20" spans="1:13">
      <c r="A20" s="55"/>
      <c r="B20" s="55"/>
      <c r="C20" s="55"/>
      <c r="D20" s="55"/>
      <c r="E20" s="55"/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10">
    <mergeCell ref="A13:A14"/>
    <mergeCell ref="A15:A16"/>
    <mergeCell ref="A17:A18"/>
    <mergeCell ref="A19:E20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3"/>
  <dimension ref="A1:K20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1">
      <c r="A1" s="1" t="s">
        <v>646</v>
      </c>
    </row>
    <row r="2" spans="1:11" ht="14.25" customHeight="1">
      <c r="A2" s="41" t="s">
        <v>812</v>
      </c>
      <c r="C2" s="7"/>
      <c r="D2" s="7"/>
      <c r="E2" s="7"/>
    </row>
    <row r="3" spans="1:11" ht="14.25" customHeight="1">
      <c r="A3" s="60" t="s">
        <v>192</v>
      </c>
      <c r="B3" s="53" t="s">
        <v>124</v>
      </c>
      <c r="C3" s="53"/>
      <c r="D3" s="53"/>
      <c r="E3" s="53"/>
      <c r="F3" s="2"/>
    </row>
    <row r="4" spans="1:11">
      <c r="A4" s="60"/>
      <c r="B4" s="3" t="s">
        <v>153</v>
      </c>
      <c r="C4" s="3" t="s">
        <v>155</v>
      </c>
      <c r="D4" s="3" t="s">
        <v>27</v>
      </c>
      <c r="E4" s="3" t="s">
        <v>28</v>
      </c>
    </row>
    <row r="5" spans="1:11">
      <c r="A5" s="73" t="s">
        <v>193</v>
      </c>
      <c r="B5" s="4">
        <v>182</v>
      </c>
      <c r="C5" s="4">
        <v>69</v>
      </c>
      <c r="D5" s="4">
        <v>21</v>
      </c>
      <c r="E5" s="4">
        <v>272</v>
      </c>
    </row>
    <row r="6" spans="1:11">
      <c r="A6" s="77"/>
      <c r="B6" s="5">
        <v>0.66900000000000004</v>
      </c>
      <c r="C6" s="5">
        <v>0.254</v>
      </c>
      <c r="D6" s="5">
        <v>7.6999999999999999E-2</v>
      </c>
      <c r="E6" s="5">
        <v>1</v>
      </c>
      <c r="H6" s="9"/>
      <c r="I6" s="9"/>
      <c r="J6" s="9"/>
      <c r="K6" s="9"/>
    </row>
    <row r="7" spans="1:11">
      <c r="A7" s="73" t="s">
        <v>194</v>
      </c>
      <c r="B7" s="4">
        <v>1042</v>
      </c>
      <c r="C7" s="4">
        <v>324</v>
      </c>
      <c r="D7" s="4">
        <v>83</v>
      </c>
      <c r="E7" s="4">
        <v>1449</v>
      </c>
    </row>
    <row r="8" spans="1:11">
      <c r="A8" s="74"/>
      <c r="B8" s="5">
        <v>0.71899999999999997</v>
      </c>
      <c r="C8" s="5">
        <v>0.224</v>
      </c>
      <c r="D8" s="5">
        <v>5.7000000000000002E-2</v>
      </c>
      <c r="E8" s="5">
        <v>1</v>
      </c>
      <c r="H8" s="9"/>
      <c r="I8" s="9"/>
      <c r="J8" s="9"/>
      <c r="K8" s="9"/>
    </row>
    <row r="9" spans="1:11">
      <c r="A9" s="73" t="s">
        <v>195</v>
      </c>
      <c r="B9" s="6">
        <v>201</v>
      </c>
      <c r="C9" s="6">
        <v>63</v>
      </c>
      <c r="D9" s="6">
        <v>21</v>
      </c>
      <c r="E9" s="6">
        <v>285</v>
      </c>
    </row>
    <row r="10" spans="1:11">
      <c r="A10" s="74"/>
      <c r="B10" s="5">
        <v>0.70499999999999996</v>
      </c>
      <c r="C10" s="5">
        <v>0.221</v>
      </c>
      <c r="D10" s="5">
        <v>7.3999999999999996E-2</v>
      </c>
      <c r="E10" s="5">
        <v>1</v>
      </c>
      <c r="H10" s="9"/>
      <c r="I10" s="9"/>
      <c r="J10" s="9"/>
      <c r="K10" s="9"/>
    </row>
    <row r="11" spans="1:11" ht="14.25" customHeight="1">
      <c r="A11" s="58" t="s">
        <v>196</v>
      </c>
      <c r="B11" s="6">
        <v>6</v>
      </c>
      <c r="C11" s="6">
        <v>0</v>
      </c>
      <c r="D11" s="6">
        <v>0</v>
      </c>
      <c r="E11" s="6">
        <v>6</v>
      </c>
    </row>
    <row r="12" spans="1:11">
      <c r="A12" s="59"/>
      <c r="B12" s="5">
        <v>1</v>
      </c>
      <c r="C12" s="5">
        <v>0</v>
      </c>
      <c r="D12" s="5">
        <v>0</v>
      </c>
      <c r="E12" s="5">
        <v>1</v>
      </c>
      <c r="H12" s="9"/>
      <c r="I12" s="9"/>
      <c r="J12" s="9"/>
      <c r="K12" s="9"/>
    </row>
    <row r="13" spans="1:11">
      <c r="A13" s="73" t="s">
        <v>49</v>
      </c>
      <c r="B13" s="6">
        <v>8</v>
      </c>
      <c r="C13" s="6">
        <v>4</v>
      </c>
      <c r="D13" s="6">
        <v>0</v>
      </c>
      <c r="E13" s="6">
        <v>12</v>
      </c>
    </row>
    <row r="14" spans="1:11">
      <c r="A14" s="74"/>
      <c r="B14" s="5">
        <v>0.66700000000000004</v>
      </c>
      <c r="C14" s="5">
        <v>0.33300000000000002</v>
      </c>
      <c r="D14" s="5">
        <v>0</v>
      </c>
      <c r="E14" s="5">
        <v>1</v>
      </c>
      <c r="H14" s="9"/>
      <c r="I14" s="9"/>
      <c r="J14" s="9"/>
      <c r="K14" s="9"/>
    </row>
    <row r="15" spans="1:11">
      <c r="A15" s="56" t="s">
        <v>171</v>
      </c>
      <c r="B15" s="6">
        <v>5</v>
      </c>
      <c r="C15" s="6">
        <v>1</v>
      </c>
      <c r="D15" s="6">
        <v>0</v>
      </c>
      <c r="E15" s="6">
        <v>6</v>
      </c>
    </row>
    <row r="16" spans="1:11">
      <c r="A16" s="57"/>
      <c r="B16" s="5">
        <v>0.83299999999999996</v>
      </c>
      <c r="C16" s="5">
        <v>0.16700000000000001</v>
      </c>
      <c r="D16" s="5">
        <v>0</v>
      </c>
      <c r="E16" s="5">
        <v>1</v>
      </c>
      <c r="H16" s="9"/>
      <c r="I16" s="9"/>
      <c r="J16" s="9"/>
      <c r="K16" s="9"/>
    </row>
    <row r="17" spans="1:11">
      <c r="A17" s="56" t="s">
        <v>29</v>
      </c>
      <c r="B17" s="4">
        <v>1444</v>
      </c>
      <c r="C17" s="4">
        <v>461</v>
      </c>
      <c r="D17" s="4">
        <v>125</v>
      </c>
      <c r="E17" s="4">
        <v>2030</v>
      </c>
    </row>
    <row r="18" spans="1:11">
      <c r="A18" s="57"/>
      <c r="B18" s="5">
        <v>0.71099999999999997</v>
      </c>
      <c r="C18" s="5">
        <v>0.22700000000000001</v>
      </c>
      <c r="D18" s="5">
        <v>6.2E-2</v>
      </c>
      <c r="E18" s="5">
        <v>1</v>
      </c>
      <c r="H18" s="9"/>
      <c r="I18" s="9"/>
      <c r="J18" s="9"/>
      <c r="K18" s="9"/>
    </row>
    <row r="19" spans="1:11">
      <c r="A19" s="54" t="s">
        <v>125</v>
      </c>
      <c r="B19" s="54"/>
      <c r="C19" s="54"/>
      <c r="D19" s="54"/>
      <c r="E19" s="54"/>
    </row>
    <row r="20" spans="1:11">
      <c r="A20" s="55"/>
      <c r="B20" s="55"/>
      <c r="C20" s="55"/>
      <c r="D20" s="55"/>
      <c r="E20" s="55"/>
    </row>
  </sheetData>
  <mergeCells count="10">
    <mergeCell ref="A13:A14"/>
    <mergeCell ref="A15:A16"/>
    <mergeCell ref="A17:A18"/>
    <mergeCell ref="A19:E20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4"/>
  <dimension ref="A1:Q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7">
      <c r="A1" s="1" t="s">
        <v>647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192</v>
      </c>
      <c r="B3" s="53" t="s">
        <v>126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17">
      <c r="A5" s="73" t="s">
        <v>193</v>
      </c>
      <c r="B5" s="4">
        <v>80</v>
      </c>
      <c r="C5" s="4">
        <v>174</v>
      </c>
      <c r="D5" s="4">
        <v>149</v>
      </c>
      <c r="E5" s="4">
        <v>112</v>
      </c>
      <c r="F5" s="4">
        <v>13</v>
      </c>
      <c r="G5" s="4">
        <v>528</v>
      </c>
    </row>
    <row r="6" spans="1:17">
      <c r="A6" s="77"/>
      <c r="B6" s="5">
        <v>0.152</v>
      </c>
      <c r="C6" s="5">
        <v>0.33</v>
      </c>
      <c r="D6" s="5">
        <v>0.28199999999999997</v>
      </c>
      <c r="E6" s="5">
        <v>0.21199999999999999</v>
      </c>
      <c r="F6" s="5">
        <v>2.5000000000000001E-2</v>
      </c>
      <c r="G6" s="5">
        <v>1</v>
      </c>
      <c r="I6" s="9"/>
      <c r="J6" s="9"/>
      <c r="K6" s="9"/>
      <c r="L6" s="9"/>
      <c r="M6" s="9"/>
      <c r="N6" s="9"/>
    </row>
    <row r="7" spans="1:17">
      <c r="A7" s="73" t="s">
        <v>194</v>
      </c>
      <c r="B7" s="6">
        <v>408</v>
      </c>
      <c r="C7" s="6">
        <v>899</v>
      </c>
      <c r="D7" s="6">
        <v>785</v>
      </c>
      <c r="E7" s="6">
        <v>422</v>
      </c>
      <c r="F7" s="6">
        <v>88</v>
      </c>
      <c r="G7" s="4">
        <v>2602</v>
      </c>
    </row>
    <row r="8" spans="1:17">
      <c r="A8" s="74"/>
      <c r="B8" s="5">
        <v>0.157</v>
      </c>
      <c r="C8" s="5">
        <v>0.34599999999999997</v>
      </c>
      <c r="D8" s="5">
        <v>0.30199999999999999</v>
      </c>
      <c r="E8" s="5">
        <v>0.16200000000000001</v>
      </c>
      <c r="F8" s="5">
        <v>3.4000000000000002E-2</v>
      </c>
      <c r="G8" s="5">
        <v>1</v>
      </c>
      <c r="I8" s="9"/>
      <c r="J8" s="9"/>
      <c r="K8" s="9"/>
      <c r="L8" s="9"/>
      <c r="M8" s="9"/>
      <c r="N8" s="9"/>
      <c r="O8" s="9"/>
      <c r="P8" s="9"/>
      <c r="Q8" s="9"/>
    </row>
    <row r="9" spans="1:17">
      <c r="A9" s="73" t="s">
        <v>195</v>
      </c>
      <c r="B9" s="6">
        <v>95</v>
      </c>
      <c r="C9" s="6">
        <v>171</v>
      </c>
      <c r="D9" s="6">
        <v>134</v>
      </c>
      <c r="E9" s="6">
        <v>89</v>
      </c>
      <c r="F9" s="6">
        <v>17</v>
      </c>
      <c r="G9" s="6">
        <v>506</v>
      </c>
    </row>
    <row r="10" spans="1:17">
      <c r="A10" s="74"/>
      <c r="B10" s="5">
        <v>0.188</v>
      </c>
      <c r="C10" s="5">
        <v>0.33800000000000002</v>
      </c>
      <c r="D10" s="5">
        <v>0.26500000000000001</v>
      </c>
      <c r="E10" s="5">
        <v>0.17599999999999999</v>
      </c>
      <c r="F10" s="5">
        <v>3.4000000000000002E-2</v>
      </c>
      <c r="G10" s="5">
        <v>1</v>
      </c>
      <c r="I10" s="9"/>
      <c r="J10" s="9"/>
      <c r="K10" s="9"/>
      <c r="L10" s="9"/>
      <c r="M10" s="9"/>
      <c r="N10" s="9"/>
      <c r="O10" s="9"/>
      <c r="P10" s="9"/>
      <c r="Q10" s="9"/>
    </row>
    <row r="11" spans="1:17" ht="14.25" customHeight="1">
      <c r="A11" s="58" t="s">
        <v>196</v>
      </c>
      <c r="B11" s="6">
        <v>2</v>
      </c>
      <c r="C11" s="6">
        <v>2</v>
      </c>
      <c r="D11" s="6">
        <v>3</v>
      </c>
      <c r="E11" s="6">
        <v>4</v>
      </c>
      <c r="F11" s="6">
        <v>0</v>
      </c>
      <c r="G11" s="6">
        <v>11</v>
      </c>
    </row>
    <row r="12" spans="1:17">
      <c r="A12" s="59"/>
      <c r="B12" s="5">
        <v>0.182</v>
      </c>
      <c r="C12" s="5">
        <v>0.182</v>
      </c>
      <c r="D12" s="5">
        <v>0.27300000000000002</v>
      </c>
      <c r="E12" s="5">
        <v>0.36399999999999999</v>
      </c>
      <c r="F12" s="5">
        <v>0</v>
      </c>
      <c r="G12" s="5">
        <v>1</v>
      </c>
      <c r="I12" s="9"/>
      <c r="J12" s="9"/>
      <c r="K12" s="9"/>
      <c r="L12" s="9"/>
      <c r="M12" s="9"/>
      <c r="N12" s="9"/>
      <c r="O12" s="9"/>
      <c r="P12" s="9"/>
      <c r="Q12" s="9"/>
    </row>
    <row r="13" spans="1:17">
      <c r="A13" s="73" t="s">
        <v>49</v>
      </c>
      <c r="B13" s="6">
        <v>7</v>
      </c>
      <c r="C13" s="6">
        <v>7</v>
      </c>
      <c r="D13" s="6">
        <v>5</v>
      </c>
      <c r="E13" s="6">
        <v>3</v>
      </c>
      <c r="F13" s="6">
        <v>4</v>
      </c>
      <c r="G13" s="6">
        <v>26</v>
      </c>
    </row>
    <row r="14" spans="1:17">
      <c r="A14" s="74"/>
      <c r="B14" s="5">
        <v>0.26900000000000002</v>
      </c>
      <c r="C14" s="5">
        <v>0.26900000000000002</v>
      </c>
      <c r="D14" s="5">
        <v>0.192</v>
      </c>
      <c r="E14" s="5">
        <v>0.115</v>
      </c>
      <c r="F14" s="5">
        <v>0.154</v>
      </c>
      <c r="G14" s="5">
        <v>1</v>
      </c>
      <c r="I14" s="9"/>
      <c r="J14" s="9"/>
      <c r="K14" s="9"/>
      <c r="L14" s="9"/>
      <c r="M14" s="9"/>
      <c r="N14" s="9"/>
      <c r="O14" s="9"/>
      <c r="P14" s="9"/>
      <c r="Q14" s="9"/>
    </row>
    <row r="15" spans="1:17">
      <c r="A15" s="56" t="s">
        <v>171</v>
      </c>
      <c r="B15" s="6">
        <v>2</v>
      </c>
      <c r="C15" s="6">
        <v>6</v>
      </c>
      <c r="D15" s="6">
        <v>2</v>
      </c>
      <c r="E15" s="6">
        <v>1</v>
      </c>
      <c r="F15" s="6">
        <v>1</v>
      </c>
      <c r="G15" s="6">
        <v>12</v>
      </c>
    </row>
    <row r="16" spans="1:17">
      <c r="A16" s="57"/>
      <c r="B16" s="5">
        <v>0.16700000000000001</v>
      </c>
      <c r="C16" s="5">
        <v>0.5</v>
      </c>
      <c r="D16" s="5">
        <v>0.16700000000000001</v>
      </c>
      <c r="E16" s="5">
        <v>8.3000000000000004E-2</v>
      </c>
      <c r="F16" s="5">
        <v>8.3000000000000004E-2</v>
      </c>
      <c r="G16" s="5">
        <v>1</v>
      </c>
      <c r="I16" s="9"/>
      <c r="J16" s="9"/>
      <c r="K16" s="9"/>
      <c r="L16" s="9"/>
      <c r="M16" s="9"/>
      <c r="N16" s="9"/>
      <c r="O16" s="9"/>
      <c r="P16" s="9"/>
      <c r="Q16" s="9"/>
    </row>
    <row r="17" spans="1:17">
      <c r="A17" s="56" t="s">
        <v>29</v>
      </c>
      <c r="B17" s="4">
        <v>594</v>
      </c>
      <c r="C17" s="4">
        <v>1259</v>
      </c>
      <c r="D17" s="4">
        <v>1078</v>
      </c>
      <c r="E17" s="4">
        <v>631</v>
      </c>
      <c r="F17" s="4">
        <v>123</v>
      </c>
      <c r="G17" s="4">
        <v>3685</v>
      </c>
    </row>
    <row r="18" spans="1:17">
      <c r="A18" s="57"/>
      <c r="B18" s="5">
        <v>0.161</v>
      </c>
      <c r="C18" s="5">
        <v>0.34200000000000003</v>
      </c>
      <c r="D18" s="5">
        <v>0.29299999999999998</v>
      </c>
      <c r="E18" s="5">
        <v>0.17100000000000001</v>
      </c>
      <c r="F18" s="5">
        <v>3.3000000000000002E-2</v>
      </c>
      <c r="G18" s="5">
        <v>1</v>
      </c>
      <c r="I18" s="9"/>
      <c r="J18" s="9"/>
      <c r="K18" s="9"/>
      <c r="L18" s="9"/>
      <c r="M18" s="9"/>
      <c r="N18" s="9"/>
      <c r="O18" s="9"/>
      <c r="P18" s="9"/>
      <c r="Q18" s="9"/>
    </row>
    <row r="19" spans="1:17">
      <c r="A19" s="54" t="s">
        <v>127</v>
      </c>
      <c r="B19" s="54"/>
      <c r="C19" s="54"/>
      <c r="D19" s="54"/>
      <c r="E19" s="54"/>
      <c r="F19" s="54"/>
      <c r="G19" s="54"/>
    </row>
    <row r="20" spans="1:17">
      <c r="A20" s="55"/>
      <c r="B20" s="55"/>
      <c r="C20" s="55"/>
      <c r="D20" s="55"/>
      <c r="E20" s="55"/>
      <c r="F20" s="55"/>
      <c r="G20" s="55"/>
      <c r="L20" s="9"/>
      <c r="M20" s="9"/>
      <c r="N20" s="9"/>
      <c r="O20" s="9"/>
      <c r="P20" s="9"/>
      <c r="Q20" s="9"/>
    </row>
    <row r="22" spans="1:17">
      <c r="L22" s="9"/>
      <c r="M22" s="9"/>
      <c r="N22" s="9"/>
      <c r="O22" s="9"/>
      <c r="P22" s="9"/>
      <c r="Q22" s="9"/>
    </row>
    <row r="24" spans="1:17">
      <c r="L24" s="9"/>
      <c r="M24" s="9"/>
      <c r="N24" s="9"/>
      <c r="O24" s="9"/>
      <c r="P24" s="9"/>
      <c r="Q24" s="9"/>
    </row>
  </sheetData>
  <mergeCells count="10">
    <mergeCell ref="A13:A14"/>
    <mergeCell ref="A15:A16"/>
    <mergeCell ref="A17:A18"/>
    <mergeCell ref="A19:G20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5"/>
  <dimension ref="A1:L20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2">
      <c r="A1" s="1" t="s">
        <v>648</v>
      </c>
    </row>
    <row r="2" spans="1:12" ht="14.25" customHeight="1">
      <c r="A2" s="41" t="s">
        <v>812</v>
      </c>
      <c r="C2" s="7"/>
      <c r="D2" s="7"/>
      <c r="E2" s="7"/>
      <c r="F2" s="7"/>
    </row>
    <row r="3" spans="1:12" ht="14.25" customHeight="1">
      <c r="A3" s="60" t="s">
        <v>192</v>
      </c>
      <c r="B3" s="53" t="s">
        <v>128</v>
      </c>
      <c r="C3" s="53"/>
      <c r="D3" s="53"/>
      <c r="E3" s="53"/>
      <c r="F3" s="53"/>
      <c r="G3" s="2"/>
    </row>
    <row r="4" spans="1:12" ht="28.5">
      <c r="A4" s="60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12">
      <c r="A5" s="73" t="s">
        <v>193</v>
      </c>
      <c r="B5" s="4">
        <v>39</v>
      </c>
      <c r="C5" s="4">
        <v>409</v>
      </c>
      <c r="D5" s="4">
        <v>79</v>
      </c>
      <c r="E5" s="4">
        <v>1</v>
      </c>
      <c r="F5" s="4">
        <v>528</v>
      </c>
    </row>
    <row r="6" spans="1:12">
      <c r="A6" s="77"/>
      <c r="B6" s="5">
        <v>7.3999999999999996E-2</v>
      </c>
      <c r="C6" s="5">
        <v>0.77500000000000002</v>
      </c>
      <c r="D6" s="5">
        <v>0.15</v>
      </c>
      <c r="E6" s="5">
        <v>2E-3</v>
      </c>
      <c r="F6" s="5">
        <v>1</v>
      </c>
      <c r="H6" s="9"/>
      <c r="I6" s="9"/>
      <c r="J6" s="9"/>
      <c r="K6" s="9"/>
      <c r="L6" s="9"/>
    </row>
    <row r="7" spans="1:12">
      <c r="A7" s="73" t="s">
        <v>194</v>
      </c>
      <c r="B7" s="4">
        <v>125</v>
      </c>
      <c r="C7" s="4">
        <v>1985</v>
      </c>
      <c r="D7" s="4">
        <v>487</v>
      </c>
      <c r="E7" s="4">
        <v>5</v>
      </c>
      <c r="F7" s="4">
        <v>2602</v>
      </c>
    </row>
    <row r="8" spans="1:12">
      <c r="A8" s="74"/>
      <c r="B8" s="5">
        <v>4.8000000000000001E-2</v>
      </c>
      <c r="C8" s="5">
        <v>0.76300000000000001</v>
      </c>
      <c r="D8" s="5">
        <v>0.187</v>
      </c>
      <c r="E8" s="5">
        <v>2E-3</v>
      </c>
      <c r="F8" s="5">
        <v>1</v>
      </c>
      <c r="H8" s="9"/>
      <c r="I8" s="9"/>
      <c r="J8" s="9"/>
      <c r="K8" s="9"/>
      <c r="L8" s="9"/>
    </row>
    <row r="9" spans="1:12">
      <c r="A9" s="73" t="s">
        <v>195</v>
      </c>
      <c r="B9" s="6">
        <v>18</v>
      </c>
      <c r="C9" s="6">
        <v>396</v>
      </c>
      <c r="D9" s="6">
        <v>92</v>
      </c>
      <c r="E9" s="6">
        <v>0</v>
      </c>
      <c r="F9" s="6">
        <v>506</v>
      </c>
    </row>
    <row r="10" spans="1:12">
      <c r="A10" s="74"/>
      <c r="B10" s="5">
        <v>3.5999999999999997E-2</v>
      </c>
      <c r="C10" s="5">
        <v>0.78300000000000003</v>
      </c>
      <c r="D10" s="5">
        <v>0.182</v>
      </c>
      <c r="E10" s="5">
        <v>0</v>
      </c>
      <c r="F10" s="5">
        <v>1</v>
      </c>
      <c r="H10" s="9"/>
      <c r="I10" s="9"/>
      <c r="J10" s="9"/>
      <c r="K10" s="9"/>
      <c r="L10" s="9"/>
    </row>
    <row r="11" spans="1:12" ht="14.25" customHeight="1">
      <c r="A11" s="58" t="s">
        <v>196</v>
      </c>
      <c r="B11" s="6">
        <v>1</v>
      </c>
      <c r="C11" s="6">
        <v>8</v>
      </c>
      <c r="D11" s="6">
        <v>2</v>
      </c>
      <c r="E11" s="6">
        <v>0</v>
      </c>
      <c r="F11" s="6">
        <v>11</v>
      </c>
    </row>
    <row r="12" spans="1:12">
      <c r="A12" s="59"/>
      <c r="B12" s="5">
        <v>9.0999999999999998E-2</v>
      </c>
      <c r="C12" s="5">
        <v>0.72699999999999998</v>
      </c>
      <c r="D12" s="5">
        <v>0.182</v>
      </c>
      <c r="E12" s="5">
        <v>0</v>
      </c>
      <c r="F12" s="5">
        <v>1</v>
      </c>
      <c r="H12" s="9"/>
      <c r="I12" s="9"/>
      <c r="J12" s="9"/>
      <c r="K12" s="9"/>
      <c r="L12" s="9"/>
    </row>
    <row r="13" spans="1:12">
      <c r="A13" s="73" t="s">
        <v>49</v>
      </c>
      <c r="B13" s="6">
        <v>3</v>
      </c>
      <c r="C13" s="6">
        <v>15</v>
      </c>
      <c r="D13" s="6">
        <v>8</v>
      </c>
      <c r="E13" s="6">
        <v>0</v>
      </c>
      <c r="F13" s="6">
        <v>26</v>
      </c>
    </row>
    <row r="14" spans="1:12">
      <c r="A14" s="74"/>
      <c r="B14" s="5">
        <v>0.115</v>
      </c>
      <c r="C14" s="5">
        <v>0.57699999999999996</v>
      </c>
      <c r="D14" s="5">
        <v>0.308</v>
      </c>
      <c r="E14" s="5">
        <v>0</v>
      </c>
      <c r="F14" s="5">
        <v>1</v>
      </c>
      <c r="H14" s="9"/>
      <c r="I14" s="9"/>
      <c r="J14" s="9"/>
      <c r="K14" s="9"/>
      <c r="L14" s="9"/>
    </row>
    <row r="15" spans="1:12">
      <c r="A15" s="56" t="s">
        <v>171</v>
      </c>
      <c r="B15" s="6">
        <v>0</v>
      </c>
      <c r="C15" s="6">
        <v>8</v>
      </c>
      <c r="D15" s="6">
        <v>4</v>
      </c>
      <c r="E15" s="6">
        <v>0</v>
      </c>
      <c r="F15" s="6">
        <v>12</v>
      </c>
    </row>
    <row r="16" spans="1:12">
      <c r="A16" s="57"/>
      <c r="B16" s="5">
        <v>0</v>
      </c>
      <c r="C16" s="5">
        <v>0.66700000000000004</v>
      </c>
      <c r="D16" s="5">
        <v>0.33300000000000002</v>
      </c>
      <c r="E16" s="5">
        <v>0</v>
      </c>
      <c r="F16" s="5">
        <v>1</v>
      </c>
      <c r="H16" s="9"/>
      <c r="I16" s="9"/>
      <c r="J16" s="9"/>
      <c r="K16" s="9"/>
      <c r="L16" s="9"/>
    </row>
    <row r="17" spans="1:12">
      <c r="A17" s="56" t="s">
        <v>29</v>
      </c>
      <c r="B17" s="4">
        <v>186</v>
      </c>
      <c r="C17" s="4">
        <v>2821</v>
      </c>
      <c r="D17" s="4">
        <v>672</v>
      </c>
      <c r="E17" s="4">
        <v>6</v>
      </c>
      <c r="F17" s="4">
        <v>3685</v>
      </c>
    </row>
    <row r="18" spans="1:12">
      <c r="A18" s="57"/>
      <c r="B18" s="5">
        <v>0.05</v>
      </c>
      <c r="C18" s="5">
        <v>0.76600000000000001</v>
      </c>
      <c r="D18" s="5">
        <v>0.182</v>
      </c>
      <c r="E18" s="5">
        <v>2E-3</v>
      </c>
      <c r="F18" s="5">
        <v>1</v>
      </c>
      <c r="H18" s="9"/>
      <c r="I18" s="9"/>
      <c r="J18" s="9"/>
      <c r="K18" s="9"/>
      <c r="L18" s="9"/>
    </row>
    <row r="19" spans="1:12">
      <c r="A19" s="54" t="s">
        <v>129</v>
      </c>
      <c r="B19" s="54"/>
      <c r="C19" s="54"/>
      <c r="D19" s="54"/>
      <c r="E19" s="54"/>
      <c r="F19" s="54"/>
    </row>
    <row r="20" spans="1:12">
      <c r="A20" s="55"/>
      <c r="B20" s="55"/>
      <c r="C20" s="55"/>
      <c r="D20" s="55"/>
      <c r="E20" s="55"/>
      <c r="F20" s="55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6"/>
  <dimension ref="A1:N20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4">
      <c r="A1" s="1" t="s">
        <v>649</v>
      </c>
    </row>
    <row r="2" spans="1:14" ht="14.25" customHeight="1">
      <c r="A2" s="41" t="s">
        <v>812</v>
      </c>
      <c r="C2" s="7"/>
      <c r="D2" s="7"/>
      <c r="E2" s="7"/>
      <c r="F2" s="7"/>
      <c r="G2" s="7"/>
    </row>
    <row r="3" spans="1:14" ht="14.25" customHeight="1">
      <c r="A3" s="60" t="s">
        <v>192</v>
      </c>
      <c r="B3" s="53" t="s">
        <v>130</v>
      </c>
      <c r="C3" s="53"/>
      <c r="D3" s="53"/>
      <c r="E3" s="53"/>
      <c r="F3" s="53"/>
      <c r="G3" s="53"/>
      <c r="H3" s="2"/>
    </row>
    <row r="4" spans="1:14" ht="28.5">
      <c r="A4" s="60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14">
      <c r="A5" s="73" t="s">
        <v>193</v>
      </c>
      <c r="B5" s="4">
        <v>21</v>
      </c>
      <c r="C5" s="4">
        <v>11</v>
      </c>
      <c r="D5" s="4">
        <v>1</v>
      </c>
      <c r="E5" s="4">
        <v>3</v>
      </c>
      <c r="F5" s="4">
        <v>3</v>
      </c>
      <c r="G5" s="4">
        <v>39</v>
      </c>
    </row>
    <row r="6" spans="1:14">
      <c r="A6" s="77"/>
      <c r="B6" s="5">
        <v>0.53800000000000003</v>
      </c>
      <c r="C6" s="5">
        <v>0.28199999999999997</v>
      </c>
      <c r="D6" s="5">
        <v>2.5999999999999999E-2</v>
      </c>
      <c r="E6" s="5">
        <v>7.6999999999999999E-2</v>
      </c>
      <c r="F6" s="5">
        <v>7.6999999999999999E-2</v>
      </c>
      <c r="G6" s="5">
        <v>1</v>
      </c>
      <c r="I6" s="9"/>
      <c r="J6" s="9"/>
      <c r="K6" s="9"/>
      <c r="L6" s="9"/>
      <c r="M6" s="9"/>
      <c r="N6" s="9"/>
    </row>
    <row r="7" spans="1:14">
      <c r="A7" s="73" t="s">
        <v>194</v>
      </c>
      <c r="B7" s="6">
        <v>86</v>
      </c>
      <c r="C7" s="6">
        <v>22</v>
      </c>
      <c r="D7" s="6">
        <v>7</v>
      </c>
      <c r="E7" s="6">
        <v>7</v>
      </c>
      <c r="F7" s="6">
        <v>3</v>
      </c>
      <c r="G7" s="4">
        <v>125</v>
      </c>
    </row>
    <row r="8" spans="1:14">
      <c r="A8" s="74"/>
      <c r="B8" s="5">
        <v>0.68799999999999994</v>
      </c>
      <c r="C8" s="5">
        <v>0.17599999999999999</v>
      </c>
      <c r="D8" s="5">
        <v>5.6000000000000001E-2</v>
      </c>
      <c r="E8" s="5">
        <v>5.6000000000000001E-2</v>
      </c>
      <c r="F8" s="5">
        <v>2.4E-2</v>
      </c>
      <c r="G8" s="5">
        <v>1</v>
      </c>
      <c r="I8" s="9"/>
      <c r="J8" s="9"/>
      <c r="K8" s="9"/>
      <c r="L8" s="9"/>
      <c r="M8" s="9"/>
      <c r="N8" s="9"/>
    </row>
    <row r="9" spans="1:14">
      <c r="A9" s="73" t="s">
        <v>195</v>
      </c>
      <c r="B9" s="6">
        <v>10</v>
      </c>
      <c r="C9" s="6">
        <v>4</v>
      </c>
      <c r="D9" s="6">
        <v>2</v>
      </c>
      <c r="E9" s="6">
        <v>2</v>
      </c>
      <c r="F9" s="6">
        <v>0</v>
      </c>
      <c r="G9" s="6">
        <v>18</v>
      </c>
    </row>
    <row r="10" spans="1:14">
      <c r="A10" s="74"/>
      <c r="B10" s="5">
        <v>0.55600000000000005</v>
      </c>
      <c r="C10" s="5">
        <v>0.222</v>
      </c>
      <c r="D10" s="5">
        <v>0.111</v>
      </c>
      <c r="E10" s="5">
        <v>0.111</v>
      </c>
      <c r="F10" s="5">
        <v>0</v>
      </c>
      <c r="G10" s="5">
        <v>1</v>
      </c>
      <c r="I10" s="9"/>
      <c r="J10" s="9"/>
      <c r="K10" s="9"/>
      <c r="L10" s="9"/>
      <c r="M10" s="9"/>
      <c r="N10" s="9"/>
    </row>
    <row r="11" spans="1:14" ht="14.25" customHeight="1">
      <c r="A11" s="58" t="s">
        <v>196</v>
      </c>
      <c r="B11" s="6">
        <v>1</v>
      </c>
      <c r="C11" s="6">
        <v>0</v>
      </c>
      <c r="D11" s="6">
        <v>0</v>
      </c>
      <c r="E11" s="6">
        <v>0</v>
      </c>
      <c r="F11" s="6">
        <v>0</v>
      </c>
      <c r="G11" s="6">
        <v>1</v>
      </c>
    </row>
    <row r="12" spans="1:14">
      <c r="A12" s="59"/>
      <c r="B12" s="5">
        <v>1</v>
      </c>
      <c r="C12" s="5">
        <v>0</v>
      </c>
      <c r="D12" s="5">
        <v>0</v>
      </c>
      <c r="E12" s="5">
        <v>0</v>
      </c>
      <c r="F12" s="5">
        <v>0</v>
      </c>
      <c r="G12" s="5">
        <v>1</v>
      </c>
      <c r="I12" s="9"/>
      <c r="J12" s="9"/>
      <c r="K12" s="9"/>
      <c r="L12" s="9"/>
      <c r="M12" s="9"/>
      <c r="N12" s="9"/>
    </row>
    <row r="13" spans="1:14">
      <c r="A13" s="73" t="s">
        <v>49</v>
      </c>
      <c r="B13" s="6">
        <v>2</v>
      </c>
      <c r="C13" s="6">
        <v>0</v>
      </c>
      <c r="D13" s="6">
        <v>0</v>
      </c>
      <c r="E13" s="6">
        <v>0</v>
      </c>
      <c r="F13" s="6">
        <v>1</v>
      </c>
      <c r="G13" s="6">
        <v>3</v>
      </c>
    </row>
    <row r="14" spans="1:14">
      <c r="A14" s="74"/>
      <c r="B14" s="5">
        <v>0.66700000000000004</v>
      </c>
      <c r="C14" s="5">
        <v>0</v>
      </c>
      <c r="D14" s="5">
        <v>0</v>
      </c>
      <c r="E14" s="5">
        <v>0</v>
      </c>
      <c r="F14" s="5">
        <v>0.33300000000000002</v>
      </c>
      <c r="G14" s="5">
        <v>1</v>
      </c>
      <c r="I14" s="9"/>
      <c r="J14" s="9"/>
      <c r="K14" s="9"/>
      <c r="L14" s="9"/>
      <c r="M14" s="9"/>
      <c r="N14" s="9"/>
    </row>
    <row r="15" spans="1:14">
      <c r="A15" s="56" t="s">
        <v>171</v>
      </c>
      <c r="B15" s="6">
        <v>0</v>
      </c>
      <c r="C15" s="6">
        <v>0</v>
      </c>
      <c r="D15" s="6">
        <v>0</v>
      </c>
      <c r="E15" s="6">
        <v>0</v>
      </c>
      <c r="F15" s="6">
        <v>0</v>
      </c>
      <c r="G15" s="6">
        <v>0</v>
      </c>
    </row>
    <row r="16" spans="1:14">
      <c r="A16" s="57"/>
      <c r="B16" s="5">
        <v>0</v>
      </c>
      <c r="C16" s="5">
        <v>0</v>
      </c>
      <c r="D16" s="5">
        <v>0</v>
      </c>
      <c r="E16" s="5">
        <v>0</v>
      </c>
      <c r="F16" s="5">
        <v>0</v>
      </c>
      <c r="G16" s="5">
        <v>0</v>
      </c>
    </row>
    <row r="17" spans="1:14">
      <c r="A17" s="56" t="s">
        <v>29</v>
      </c>
      <c r="B17" s="6">
        <v>120</v>
      </c>
      <c r="C17" s="6">
        <v>37</v>
      </c>
      <c r="D17" s="6">
        <v>10</v>
      </c>
      <c r="E17" s="6">
        <v>12</v>
      </c>
      <c r="F17" s="6">
        <v>7</v>
      </c>
      <c r="G17" s="6">
        <v>186</v>
      </c>
    </row>
    <row r="18" spans="1:14">
      <c r="A18" s="57"/>
      <c r="B18" s="5">
        <v>0.64500000000000002</v>
      </c>
      <c r="C18" s="5">
        <v>0.19900000000000001</v>
      </c>
      <c r="D18" s="5">
        <v>5.3999999999999999E-2</v>
      </c>
      <c r="E18" s="5">
        <v>6.5000000000000002E-2</v>
      </c>
      <c r="F18" s="5">
        <v>3.7999999999999999E-2</v>
      </c>
      <c r="G18" s="5">
        <v>1</v>
      </c>
      <c r="I18" s="9"/>
      <c r="J18" s="9"/>
      <c r="K18" s="9"/>
      <c r="L18" s="9"/>
      <c r="M18" s="9"/>
      <c r="N18" s="9"/>
    </row>
    <row r="19" spans="1:14">
      <c r="A19" s="54" t="s">
        <v>131</v>
      </c>
      <c r="B19" s="54"/>
      <c r="C19" s="54"/>
      <c r="D19" s="54"/>
      <c r="E19" s="54"/>
      <c r="F19" s="54"/>
      <c r="G19" s="54"/>
    </row>
    <row r="20" spans="1:14">
      <c r="A20" s="55"/>
      <c r="B20" s="55"/>
      <c r="C20" s="55"/>
      <c r="D20" s="55"/>
      <c r="E20" s="55"/>
      <c r="F20" s="55"/>
      <c r="G20" s="55"/>
    </row>
  </sheetData>
  <mergeCells count="10">
    <mergeCell ref="A13:A14"/>
    <mergeCell ref="A15:A16"/>
    <mergeCell ref="A17:A18"/>
    <mergeCell ref="A19:G20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7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50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197</v>
      </c>
      <c r="B3" s="53" t="s">
        <v>97</v>
      </c>
      <c r="C3" s="53"/>
      <c r="D3" s="53"/>
      <c r="E3" s="53"/>
      <c r="F3" s="53"/>
      <c r="G3" s="2"/>
    </row>
    <row r="4" spans="1:15" ht="28.5">
      <c r="A4" s="78"/>
      <c r="B4" s="8" t="s">
        <v>139</v>
      </c>
      <c r="C4" s="8" t="s">
        <v>140</v>
      </c>
      <c r="D4" s="8" t="s">
        <v>141</v>
      </c>
      <c r="E4" s="8" t="s">
        <v>42</v>
      </c>
      <c r="F4" s="8" t="s">
        <v>29</v>
      </c>
    </row>
    <row r="5" spans="1:15">
      <c r="A5" s="73" t="s">
        <v>198</v>
      </c>
      <c r="B5" s="4">
        <v>710</v>
      </c>
      <c r="C5" s="4">
        <v>446</v>
      </c>
      <c r="D5" s="4">
        <v>52</v>
      </c>
      <c r="E5" s="4">
        <v>2</v>
      </c>
      <c r="F5" s="4">
        <v>1210</v>
      </c>
    </row>
    <row r="6" spans="1:15">
      <c r="A6" s="77"/>
      <c r="B6" s="5">
        <v>0.58699999999999997</v>
      </c>
      <c r="C6" s="5">
        <v>0.36899999999999999</v>
      </c>
      <c r="D6" s="5">
        <v>4.2999999999999997E-2</v>
      </c>
      <c r="E6" s="5">
        <v>2E-3</v>
      </c>
      <c r="F6" s="5">
        <v>1</v>
      </c>
      <c r="H6" s="9"/>
      <c r="I6" s="9"/>
      <c r="J6" s="9"/>
      <c r="K6" s="9"/>
      <c r="L6" s="9"/>
    </row>
    <row r="7" spans="1:15">
      <c r="A7" s="73" t="s">
        <v>199</v>
      </c>
      <c r="B7" s="6">
        <v>518</v>
      </c>
      <c r="C7" s="6">
        <v>602</v>
      </c>
      <c r="D7" s="6">
        <v>40</v>
      </c>
      <c r="E7" s="6">
        <v>0</v>
      </c>
      <c r="F7" s="4">
        <v>1160</v>
      </c>
    </row>
    <row r="8" spans="1:15">
      <c r="A8" s="74"/>
      <c r="B8" s="5">
        <v>0.44700000000000001</v>
      </c>
      <c r="C8" s="5">
        <v>0.51900000000000002</v>
      </c>
      <c r="D8" s="5">
        <v>3.4000000000000002E-2</v>
      </c>
      <c r="E8" s="5">
        <v>0</v>
      </c>
      <c r="F8" s="5">
        <v>1</v>
      </c>
      <c r="H8" s="9"/>
      <c r="I8" s="9"/>
      <c r="J8" s="9"/>
      <c r="K8" s="9"/>
      <c r="L8" s="9"/>
      <c r="M8" s="9"/>
      <c r="N8" s="9"/>
      <c r="O8" s="9"/>
    </row>
    <row r="9" spans="1:15">
      <c r="A9" s="73" t="s">
        <v>200</v>
      </c>
      <c r="B9" s="6">
        <v>180</v>
      </c>
      <c r="C9" s="6">
        <v>233</v>
      </c>
      <c r="D9" s="6">
        <v>20</v>
      </c>
      <c r="E9" s="6">
        <v>0</v>
      </c>
      <c r="F9" s="6">
        <v>433</v>
      </c>
    </row>
    <row r="10" spans="1:15">
      <c r="A10" s="74"/>
      <c r="B10" s="5">
        <v>0.41599999999999998</v>
      </c>
      <c r="C10" s="5">
        <v>0.53800000000000003</v>
      </c>
      <c r="D10" s="5">
        <v>4.5999999999999999E-2</v>
      </c>
      <c r="E10" s="5">
        <v>0</v>
      </c>
      <c r="F10" s="5">
        <v>1</v>
      </c>
      <c r="H10" s="9"/>
      <c r="I10" s="9"/>
      <c r="J10" s="9"/>
      <c r="K10" s="9"/>
      <c r="L10" s="9"/>
      <c r="M10" s="9"/>
      <c r="N10" s="9"/>
      <c r="O10" s="9"/>
    </row>
    <row r="11" spans="1:15" ht="14.25" customHeight="1">
      <c r="A11" s="58" t="s">
        <v>201</v>
      </c>
      <c r="B11" s="6">
        <v>262</v>
      </c>
      <c r="C11" s="6">
        <v>484</v>
      </c>
      <c r="D11" s="6">
        <v>126</v>
      </c>
      <c r="E11" s="6">
        <v>2</v>
      </c>
      <c r="F11" s="6">
        <v>874</v>
      </c>
    </row>
    <row r="12" spans="1:15">
      <c r="A12" s="59"/>
      <c r="B12" s="5">
        <v>0.3</v>
      </c>
      <c r="C12" s="5">
        <v>0.55400000000000005</v>
      </c>
      <c r="D12" s="5">
        <v>0.14399999999999999</v>
      </c>
      <c r="E12" s="5">
        <v>2E-3</v>
      </c>
      <c r="F12" s="5">
        <v>1</v>
      </c>
      <c r="H12" s="9"/>
      <c r="I12" s="9"/>
      <c r="J12" s="9"/>
      <c r="K12" s="9"/>
      <c r="L12" s="9"/>
      <c r="M12" s="9"/>
      <c r="N12" s="9"/>
      <c r="O12" s="9"/>
    </row>
    <row r="13" spans="1:15">
      <c r="A13" s="56" t="s">
        <v>171</v>
      </c>
      <c r="B13" s="6">
        <v>3</v>
      </c>
      <c r="C13" s="6">
        <v>3</v>
      </c>
      <c r="D13" s="6">
        <v>1</v>
      </c>
      <c r="E13" s="6">
        <v>1</v>
      </c>
      <c r="F13" s="6">
        <v>8</v>
      </c>
    </row>
    <row r="14" spans="1:15">
      <c r="A14" s="57"/>
      <c r="B14" s="5">
        <v>0.375</v>
      </c>
      <c r="C14" s="5">
        <v>0.375</v>
      </c>
      <c r="D14" s="5">
        <v>0.125</v>
      </c>
      <c r="E14" s="5">
        <v>0.125</v>
      </c>
      <c r="F14" s="5">
        <v>1</v>
      </c>
      <c r="H14" s="9"/>
      <c r="I14" s="9"/>
      <c r="J14" s="9"/>
      <c r="K14" s="9"/>
      <c r="L14" s="9"/>
      <c r="M14" s="9"/>
      <c r="N14" s="9"/>
      <c r="O14" s="9"/>
    </row>
    <row r="15" spans="1:15">
      <c r="A15" s="56" t="s">
        <v>29</v>
      </c>
      <c r="B15" s="4">
        <v>1673</v>
      </c>
      <c r="C15" s="4">
        <v>1768</v>
      </c>
      <c r="D15" s="4">
        <v>239</v>
      </c>
      <c r="E15" s="4">
        <v>5</v>
      </c>
      <c r="F15" s="4">
        <v>3685</v>
      </c>
    </row>
    <row r="16" spans="1:15">
      <c r="A16" s="57"/>
      <c r="B16" s="5">
        <v>0.45400000000000001</v>
      </c>
      <c r="C16" s="5">
        <v>0.48</v>
      </c>
      <c r="D16" s="5">
        <v>6.5000000000000002E-2</v>
      </c>
      <c r="E16" s="5">
        <v>1E-3</v>
      </c>
      <c r="F16" s="5">
        <v>1</v>
      </c>
      <c r="H16" s="9"/>
      <c r="I16" s="9"/>
      <c r="J16" s="9"/>
      <c r="K16" s="9"/>
      <c r="L16" s="9"/>
      <c r="M16" s="9"/>
      <c r="N16" s="9"/>
      <c r="O16" s="9"/>
    </row>
    <row r="17" spans="1:15">
      <c r="A17" s="54" t="s">
        <v>98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8"/>
  <dimension ref="A1:J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0">
      <c r="A1" s="1" t="s">
        <v>651</v>
      </c>
    </row>
    <row r="2" spans="1:10" ht="14.25" customHeight="1">
      <c r="A2" s="41" t="s">
        <v>812</v>
      </c>
      <c r="C2" s="7"/>
      <c r="D2" s="7"/>
      <c r="E2" s="7"/>
    </row>
    <row r="3" spans="1:10" ht="14.25" customHeight="1">
      <c r="A3" s="78" t="s">
        <v>197</v>
      </c>
      <c r="B3" s="53" t="s">
        <v>104</v>
      </c>
      <c r="C3" s="53"/>
      <c r="D3" s="53"/>
      <c r="E3" s="53"/>
      <c r="F3" s="2"/>
    </row>
    <row r="4" spans="1:10">
      <c r="A4" s="78"/>
      <c r="B4" s="8" t="s">
        <v>142</v>
      </c>
      <c r="C4" s="8" t="s">
        <v>150</v>
      </c>
      <c r="D4" s="8" t="s">
        <v>42</v>
      </c>
      <c r="E4" s="8" t="s">
        <v>29</v>
      </c>
    </row>
    <row r="5" spans="1:10">
      <c r="A5" s="73" t="s">
        <v>135</v>
      </c>
      <c r="B5" s="4">
        <v>613</v>
      </c>
      <c r="C5" s="4">
        <v>58</v>
      </c>
      <c r="D5" s="4">
        <v>39</v>
      </c>
      <c r="E5" s="4">
        <v>710</v>
      </c>
    </row>
    <row r="6" spans="1:10">
      <c r="A6" s="77"/>
      <c r="B6" s="5">
        <v>0.86299999999999999</v>
      </c>
      <c r="C6" s="5">
        <v>8.2000000000000003E-2</v>
      </c>
      <c r="D6" s="5">
        <v>5.5E-2</v>
      </c>
      <c r="E6" s="5">
        <v>1</v>
      </c>
      <c r="G6" s="9"/>
      <c r="H6" s="9"/>
      <c r="I6" s="9"/>
      <c r="J6" s="9"/>
    </row>
    <row r="7" spans="1:10">
      <c r="A7" s="73" t="s">
        <v>136</v>
      </c>
      <c r="B7" s="6">
        <v>478</v>
      </c>
      <c r="C7" s="6">
        <v>14</v>
      </c>
      <c r="D7" s="6">
        <v>26</v>
      </c>
      <c r="E7" s="4">
        <v>518</v>
      </c>
    </row>
    <row r="8" spans="1:10">
      <c r="A8" s="74"/>
      <c r="B8" s="5">
        <v>0.92300000000000004</v>
      </c>
      <c r="C8" s="5">
        <v>2.7E-2</v>
      </c>
      <c r="D8" s="5">
        <v>0.05</v>
      </c>
      <c r="E8" s="5">
        <v>1</v>
      </c>
      <c r="G8" s="9"/>
      <c r="H8" s="9"/>
      <c r="I8" s="9"/>
      <c r="J8" s="9"/>
    </row>
    <row r="9" spans="1:10">
      <c r="A9" s="73" t="s">
        <v>137</v>
      </c>
      <c r="B9" s="6">
        <v>171</v>
      </c>
      <c r="C9" s="6">
        <v>3</v>
      </c>
      <c r="D9" s="6">
        <v>6</v>
      </c>
      <c r="E9" s="6">
        <v>180</v>
      </c>
    </row>
    <row r="10" spans="1:10">
      <c r="A10" s="74"/>
      <c r="B10" s="5">
        <v>0.95</v>
      </c>
      <c r="C10" s="5">
        <v>1.7000000000000001E-2</v>
      </c>
      <c r="D10" s="5">
        <v>3.3000000000000002E-2</v>
      </c>
      <c r="E10" s="5">
        <v>1</v>
      </c>
      <c r="G10" s="9"/>
      <c r="H10" s="9"/>
      <c r="I10" s="9"/>
      <c r="J10" s="9"/>
    </row>
    <row r="11" spans="1:10" ht="14.25" customHeight="1">
      <c r="A11" s="58" t="s">
        <v>138</v>
      </c>
      <c r="B11" s="6">
        <v>249</v>
      </c>
      <c r="C11" s="6">
        <v>7</v>
      </c>
      <c r="D11" s="6">
        <v>6</v>
      </c>
      <c r="E11" s="6">
        <v>262</v>
      </c>
    </row>
    <row r="12" spans="1:10">
      <c r="A12" s="59"/>
      <c r="B12" s="5">
        <v>0.95</v>
      </c>
      <c r="C12" s="5">
        <v>2.7E-2</v>
      </c>
      <c r="D12" s="5">
        <v>2.3E-2</v>
      </c>
      <c r="E12" s="5">
        <v>1</v>
      </c>
      <c r="G12" s="9"/>
      <c r="H12" s="9"/>
      <c r="I12" s="9"/>
      <c r="J12" s="9"/>
    </row>
    <row r="13" spans="1:10">
      <c r="A13" s="56" t="s">
        <v>171</v>
      </c>
      <c r="B13" s="6">
        <v>3</v>
      </c>
      <c r="C13" s="6">
        <v>0</v>
      </c>
      <c r="D13" s="6">
        <v>0</v>
      </c>
      <c r="E13" s="6">
        <v>3</v>
      </c>
    </row>
    <row r="14" spans="1:10">
      <c r="A14" s="57"/>
      <c r="B14" s="5">
        <v>1</v>
      </c>
      <c r="C14" s="5">
        <v>0</v>
      </c>
      <c r="D14" s="5">
        <v>0</v>
      </c>
      <c r="E14" s="5">
        <v>1</v>
      </c>
      <c r="G14" s="9"/>
      <c r="H14" s="9"/>
      <c r="I14" s="9"/>
      <c r="J14" s="9"/>
    </row>
    <row r="15" spans="1:10">
      <c r="A15" s="56" t="s">
        <v>29</v>
      </c>
      <c r="B15" s="4">
        <v>1514</v>
      </c>
      <c r="C15" s="4">
        <v>82</v>
      </c>
      <c r="D15" s="4">
        <v>77</v>
      </c>
      <c r="E15" s="4">
        <v>1673</v>
      </c>
    </row>
    <row r="16" spans="1:10">
      <c r="A16" s="57"/>
      <c r="B16" s="5">
        <v>0.90500000000000003</v>
      </c>
      <c r="C16" s="5">
        <v>4.9000000000000002E-2</v>
      </c>
      <c r="D16" s="5">
        <v>4.5999999999999999E-2</v>
      </c>
      <c r="E16" s="5">
        <v>1</v>
      </c>
      <c r="G16" s="9"/>
      <c r="H16" s="9"/>
      <c r="I16" s="9"/>
      <c r="J16" s="9"/>
    </row>
    <row r="17" spans="1:5">
      <c r="A17" s="54" t="s">
        <v>518</v>
      </c>
      <c r="B17" s="54"/>
      <c r="C17" s="54"/>
      <c r="D17" s="54"/>
      <c r="E17" s="54"/>
    </row>
    <row r="18" spans="1:5">
      <c r="A18" s="55"/>
      <c r="B18" s="55"/>
      <c r="C18" s="55"/>
      <c r="D18" s="55"/>
      <c r="E18" s="55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9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52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197</v>
      </c>
      <c r="B3" s="53" t="s">
        <v>100</v>
      </c>
      <c r="C3" s="53"/>
      <c r="D3" s="53"/>
      <c r="E3" s="53"/>
      <c r="F3" s="53"/>
      <c r="G3" s="2"/>
    </row>
    <row r="4" spans="1:15" ht="28.5">
      <c r="A4" s="78"/>
      <c r="B4" s="8" t="s">
        <v>143</v>
      </c>
      <c r="C4" s="8" t="s">
        <v>144</v>
      </c>
      <c r="D4" s="8" t="s">
        <v>145</v>
      </c>
      <c r="E4" s="8" t="s">
        <v>42</v>
      </c>
      <c r="F4" s="8" t="s">
        <v>29</v>
      </c>
    </row>
    <row r="5" spans="1:15">
      <c r="A5" s="73" t="s">
        <v>135</v>
      </c>
      <c r="B5" s="4">
        <v>430</v>
      </c>
      <c r="C5" s="4">
        <v>628</v>
      </c>
      <c r="D5" s="4">
        <v>152</v>
      </c>
      <c r="E5" s="4">
        <v>0</v>
      </c>
      <c r="F5" s="4">
        <v>1210</v>
      </c>
    </row>
    <row r="6" spans="1:15">
      <c r="A6" s="77"/>
      <c r="B6" s="5">
        <v>0.35499999999999998</v>
      </c>
      <c r="C6" s="5">
        <v>0.51900000000000002</v>
      </c>
      <c r="D6" s="5">
        <v>0.126</v>
      </c>
      <c r="E6" s="5">
        <v>0</v>
      </c>
      <c r="F6" s="5">
        <v>1</v>
      </c>
      <c r="K6" s="9"/>
      <c r="L6" s="9"/>
      <c r="M6" s="9"/>
      <c r="N6" s="9"/>
      <c r="O6" s="9"/>
    </row>
    <row r="7" spans="1:15">
      <c r="A7" s="73" t="s">
        <v>136</v>
      </c>
      <c r="B7" s="6">
        <v>293</v>
      </c>
      <c r="C7" s="6">
        <v>693</v>
      </c>
      <c r="D7" s="6">
        <v>174</v>
      </c>
      <c r="E7" s="6">
        <v>0</v>
      </c>
      <c r="F7" s="4">
        <v>1160</v>
      </c>
    </row>
    <row r="8" spans="1:15">
      <c r="A8" s="74"/>
      <c r="B8" s="5">
        <v>0.253</v>
      </c>
      <c r="C8" s="5">
        <v>0.59699999999999998</v>
      </c>
      <c r="D8" s="5">
        <v>0.15</v>
      </c>
      <c r="E8" s="5">
        <v>0</v>
      </c>
      <c r="F8" s="5">
        <v>1</v>
      </c>
      <c r="K8" s="9"/>
      <c r="L8" s="9"/>
      <c r="M8" s="9"/>
      <c r="N8" s="9"/>
      <c r="O8" s="9"/>
    </row>
    <row r="9" spans="1:15">
      <c r="A9" s="73" t="s">
        <v>137</v>
      </c>
      <c r="B9" s="6">
        <v>90</v>
      </c>
      <c r="C9" s="6">
        <v>271</v>
      </c>
      <c r="D9" s="6">
        <v>72</v>
      </c>
      <c r="E9" s="6">
        <v>0</v>
      </c>
      <c r="F9" s="6">
        <v>433</v>
      </c>
    </row>
    <row r="10" spans="1:15">
      <c r="A10" s="74"/>
      <c r="B10" s="5">
        <v>0.20799999999999999</v>
      </c>
      <c r="C10" s="5">
        <v>0.626</v>
      </c>
      <c r="D10" s="5">
        <v>0.16600000000000001</v>
      </c>
      <c r="E10" s="5">
        <v>0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58" t="s">
        <v>138</v>
      </c>
      <c r="B11" s="6">
        <v>120</v>
      </c>
      <c r="C11" s="6">
        <v>520</v>
      </c>
      <c r="D11" s="6">
        <v>233</v>
      </c>
      <c r="E11" s="6">
        <v>1</v>
      </c>
      <c r="F11" s="6">
        <v>874</v>
      </c>
    </row>
    <row r="12" spans="1:15">
      <c r="A12" s="59"/>
      <c r="B12" s="5">
        <v>0.13700000000000001</v>
      </c>
      <c r="C12" s="5">
        <v>0.59499999999999997</v>
      </c>
      <c r="D12" s="5">
        <v>0.26700000000000002</v>
      </c>
      <c r="E12" s="5">
        <v>1E-3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2</v>
      </c>
      <c r="C13" s="6">
        <v>2</v>
      </c>
      <c r="D13" s="6">
        <v>3</v>
      </c>
      <c r="E13" s="6">
        <v>1</v>
      </c>
      <c r="F13" s="6">
        <v>8</v>
      </c>
    </row>
    <row r="14" spans="1:15">
      <c r="A14" s="57"/>
      <c r="B14" s="5">
        <v>0.25</v>
      </c>
      <c r="C14" s="5">
        <v>0.25</v>
      </c>
      <c r="D14" s="5">
        <v>0.375</v>
      </c>
      <c r="E14" s="5">
        <v>0.125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935</v>
      </c>
      <c r="C15" s="4">
        <v>2114</v>
      </c>
      <c r="D15" s="4">
        <v>634</v>
      </c>
      <c r="E15" s="4">
        <v>2</v>
      </c>
      <c r="F15" s="4">
        <v>3685</v>
      </c>
    </row>
    <row r="16" spans="1:15">
      <c r="A16" s="57"/>
      <c r="B16" s="5">
        <v>0.254</v>
      </c>
      <c r="C16" s="5">
        <v>0.57399999999999995</v>
      </c>
      <c r="D16" s="5">
        <v>0.17199999999999999</v>
      </c>
      <c r="E16" s="5">
        <v>1E-3</v>
      </c>
      <c r="F16" s="5">
        <v>1</v>
      </c>
      <c r="K16" s="9"/>
      <c r="L16" s="9"/>
      <c r="M16" s="9"/>
      <c r="N16" s="9"/>
      <c r="O16" s="9"/>
    </row>
    <row r="17" spans="1:15">
      <c r="A17" s="54" t="s">
        <v>101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0"/>
  <dimension ref="A1:L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2">
      <c r="A1" s="1" t="s">
        <v>653</v>
      </c>
    </row>
    <row r="2" spans="1:12" ht="14.25" customHeight="1">
      <c r="A2" s="41" t="s">
        <v>812</v>
      </c>
      <c r="C2" s="7"/>
      <c r="D2" s="7"/>
    </row>
    <row r="3" spans="1:12" ht="14.25" customHeight="1">
      <c r="A3" s="78" t="s">
        <v>197</v>
      </c>
      <c r="B3" s="53" t="s">
        <v>103</v>
      </c>
      <c r="C3" s="53"/>
      <c r="D3" s="53"/>
      <c r="E3" s="2"/>
    </row>
    <row r="4" spans="1:12">
      <c r="A4" s="78"/>
      <c r="B4" s="8" t="s">
        <v>142</v>
      </c>
      <c r="C4" s="8" t="s">
        <v>150</v>
      </c>
      <c r="D4" s="8" t="s">
        <v>29</v>
      </c>
    </row>
    <row r="5" spans="1:12">
      <c r="A5" s="73" t="s">
        <v>135</v>
      </c>
      <c r="B5" s="4">
        <v>344</v>
      </c>
      <c r="C5" s="4">
        <v>65</v>
      </c>
      <c r="D5" s="4">
        <v>409</v>
      </c>
    </row>
    <row r="6" spans="1:12">
      <c r="A6" s="77"/>
      <c r="B6" s="5">
        <v>0.84099999999999997</v>
      </c>
      <c r="C6" s="5">
        <v>0.159</v>
      </c>
      <c r="D6" s="5">
        <v>1</v>
      </c>
      <c r="I6" s="9"/>
      <c r="J6" s="9"/>
      <c r="K6" s="9"/>
      <c r="L6" s="9"/>
    </row>
    <row r="7" spans="1:12">
      <c r="A7" s="73" t="s">
        <v>136</v>
      </c>
      <c r="B7" s="6">
        <v>243</v>
      </c>
      <c r="C7" s="6">
        <v>28</v>
      </c>
      <c r="D7" s="4">
        <v>271</v>
      </c>
    </row>
    <row r="8" spans="1:12">
      <c r="A8" s="74"/>
      <c r="B8" s="5">
        <v>0.89700000000000002</v>
      </c>
      <c r="C8" s="5">
        <v>0.10299999999999999</v>
      </c>
      <c r="D8" s="5">
        <v>1</v>
      </c>
      <c r="I8" s="9"/>
      <c r="J8" s="9"/>
      <c r="K8" s="9"/>
      <c r="L8" s="9"/>
    </row>
    <row r="9" spans="1:12">
      <c r="A9" s="73" t="s">
        <v>137</v>
      </c>
      <c r="B9" s="6">
        <v>78</v>
      </c>
      <c r="C9" s="6">
        <v>3</v>
      </c>
      <c r="D9" s="6">
        <v>81</v>
      </c>
    </row>
    <row r="10" spans="1:12">
      <c r="A10" s="74"/>
      <c r="B10" s="5">
        <v>0.96299999999999997</v>
      </c>
      <c r="C10" s="5">
        <v>3.6999999999999998E-2</v>
      </c>
      <c r="D10" s="5">
        <v>1</v>
      </c>
      <c r="I10" s="9"/>
      <c r="J10" s="9"/>
      <c r="K10" s="9"/>
      <c r="L10" s="9"/>
    </row>
    <row r="11" spans="1:12" ht="14.25" customHeight="1">
      <c r="A11" s="58" t="s">
        <v>138</v>
      </c>
      <c r="B11" s="6">
        <v>106</v>
      </c>
      <c r="C11" s="6">
        <v>9</v>
      </c>
      <c r="D11" s="6">
        <v>115</v>
      </c>
    </row>
    <row r="12" spans="1:12">
      <c r="A12" s="59"/>
      <c r="B12" s="5">
        <v>0.92200000000000004</v>
      </c>
      <c r="C12" s="5">
        <v>7.8E-2</v>
      </c>
      <c r="D12" s="5">
        <v>1</v>
      </c>
      <c r="I12" s="9"/>
      <c r="J12" s="9"/>
      <c r="K12" s="9"/>
      <c r="L12" s="9"/>
    </row>
    <row r="13" spans="1:12">
      <c r="A13" s="56" t="s">
        <v>171</v>
      </c>
      <c r="B13" s="6">
        <v>2</v>
      </c>
      <c r="C13" s="6">
        <v>0</v>
      </c>
      <c r="D13" s="6">
        <v>2</v>
      </c>
    </row>
    <row r="14" spans="1:12">
      <c r="A14" s="57"/>
      <c r="B14" s="5">
        <v>1</v>
      </c>
      <c r="C14" s="5">
        <v>0</v>
      </c>
      <c r="D14" s="5">
        <v>1</v>
      </c>
      <c r="I14" s="9"/>
      <c r="J14" s="9"/>
      <c r="K14" s="9"/>
      <c r="L14" s="9"/>
    </row>
    <row r="15" spans="1:12">
      <c r="A15" s="56" t="s">
        <v>29</v>
      </c>
      <c r="B15" s="6">
        <v>773</v>
      </c>
      <c r="C15" s="6">
        <v>105</v>
      </c>
      <c r="D15" s="6">
        <v>878</v>
      </c>
    </row>
    <row r="16" spans="1:12">
      <c r="A16" s="57"/>
      <c r="B16" s="5">
        <v>0.88</v>
      </c>
      <c r="C16" s="5">
        <v>0.12</v>
      </c>
      <c r="D16" s="5">
        <v>1</v>
      </c>
      <c r="I16" s="9"/>
      <c r="J16" s="9"/>
      <c r="K16" s="9"/>
      <c r="L16" s="9"/>
    </row>
    <row r="17" spans="1:11">
      <c r="A17" s="54" t="s">
        <v>521</v>
      </c>
      <c r="B17" s="54"/>
      <c r="C17" s="54"/>
      <c r="D17" s="54"/>
    </row>
    <row r="18" spans="1:11">
      <c r="A18" s="55"/>
      <c r="B18" s="55"/>
      <c r="C18" s="55"/>
      <c r="D18" s="55"/>
    </row>
    <row r="19" spans="1:11">
      <c r="I19" s="9"/>
      <c r="J19" s="9"/>
      <c r="K19" s="9"/>
    </row>
    <row r="21" spans="1:11">
      <c r="I21" s="9"/>
      <c r="J21" s="9"/>
      <c r="K21" s="9"/>
    </row>
    <row r="23" spans="1:11">
      <c r="I23" s="9"/>
      <c r="J23" s="9"/>
      <c r="K23" s="9"/>
    </row>
  </sheetData>
  <mergeCells count="9">
    <mergeCell ref="A13:A14"/>
    <mergeCell ref="A15:A16"/>
    <mergeCell ref="A17:D18"/>
    <mergeCell ref="A3:A4"/>
    <mergeCell ref="B3:D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1"/>
  <dimension ref="A1:O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54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197</v>
      </c>
      <c r="B3" s="53" t="s">
        <v>111</v>
      </c>
      <c r="C3" s="53"/>
      <c r="D3" s="53"/>
      <c r="E3" s="53"/>
      <c r="F3" s="53"/>
      <c r="G3" s="2"/>
    </row>
    <row r="4" spans="1:15" ht="42.75">
      <c r="A4" s="78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15">
      <c r="A5" s="73" t="s">
        <v>135</v>
      </c>
      <c r="B5" s="4">
        <v>1152</v>
      </c>
      <c r="C5" s="4">
        <v>52</v>
      </c>
      <c r="D5" s="4">
        <v>5</v>
      </c>
      <c r="E5" s="4">
        <v>1</v>
      </c>
      <c r="F5" s="4">
        <v>1210</v>
      </c>
    </row>
    <row r="6" spans="1:15">
      <c r="A6" s="77"/>
      <c r="B6" s="5">
        <v>0.95199999999999996</v>
      </c>
      <c r="C6" s="5">
        <v>4.2999999999999997E-2</v>
      </c>
      <c r="D6" s="5">
        <v>4.0000000000000001E-3</v>
      </c>
      <c r="E6" s="5">
        <v>1E-3</v>
      </c>
      <c r="F6" s="5">
        <v>1</v>
      </c>
      <c r="K6" s="9"/>
      <c r="L6" s="9"/>
      <c r="M6" s="9"/>
      <c r="N6" s="9"/>
      <c r="O6" s="9"/>
    </row>
    <row r="7" spans="1:15">
      <c r="A7" s="73" t="s">
        <v>136</v>
      </c>
      <c r="B7" s="4">
        <v>1123</v>
      </c>
      <c r="C7" s="4">
        <v>37</v>
      </c>
      <c r="D7" s="4">
        <v>0</v>
      </c>
      <c r="E7" s="4">
        <v>0</v>
      </c>
      <c r="F7" s="4">
        <v>1160</v>
      </c>
    </row>
    <row r="8" spans="1:15">
      <c r="A8" s="74"/>
      <c r="B8" s="5">
        <v>0.96799999999999997</v>
      </c>
      <c r="C8" s="5">
        <v>3.2000000000000001E-2</v>
      </c>
      <c r="D8" s="5">
        <v>0</v>
      </c>
      <c r="E8" s="5">
        <v>0</v>
      </c>
      <c r="F8" s="5">
        <v>1</v>
      </c>
      <c r="K8" s="9"/>
      <c r="L8" s="9"/>
      <c r="M8" s="9"/>
      <c r="N8" s="9"/>
      <c r="O8" s="9"/>
    </row>
    <row r="9" spans="1:15">
      <c r="A9" s="73" t="s">
        <v>137</v>
      </c>
      <c r="B9" s="6">
        <v>429</v>
      </c>
      <c r="C9" s="6">
        <v>4</v>
      </c>
      <c r="D9" s="6">
        <v>0</v>
      </c>
      <c r="E9" s="6">
        <v>0</v>
      </c>
      <c r="F9" s="6">
        <v>433</v>
      </c>
    </row>
    <row r="10" spans="1:15">
      <c r="A10" s="74"/>
      <c r="B10" s="5">
        <v>0.99099999999999999</v>
      </c>
      <c r="C10" s="5">
        <v>8.9999999999999993E-3</v>
      </c>
      <c r="D10" s="5">
        <v>0</v>
      </c>
      <c r="E10" s="5">
        <v>0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58" t="s">
        <v>138</v>
      </c>
      <c r="B11" s="6">
        <v>862</v>
      </c>
      <c r="C11" s="6">
        <v>10</v>
      </c>
      <c r="D11" s="6">
        <v>2</v>
      </c>
      <c r="E11" s="6">
        <v>0</v>
      </c>
      <c r="F11" s="6">
        <v>874</v>
      </c>
    </row>
    <row r="12" spans="1:15">
      <c r="A12" s="59"/>
      <c r="B12" s="5">
        <v>0.98599999999999999</v>
      </c>
      <c r="C12" s="5">
        <v>1.0999999999999999E-2</v>
      </c>
      <c r="D12" s="5">
        <v>2E-3</v>
      </c>
      <c r="E12" s="5">
        <v>0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6</v>
      </c>
      <c r="C13" s="6">
        <v>1</v>
      </c>
      <c r="D13" s="6">
        <v>0</v>
      </c>
      <c r="E13" s="6">
        <v>1</v>
      </c>
      <c r="F13" s="6">
        <v>8</v>
      </c>
    </row>
    <row r="14" spans="1:15">
      <c r="A14" s="57"/>
      <c r="B14" s="5">
        <v>0.75</v>
      </c>
      <c r="C14" s="5">
        <v>0.125</v>
      </c>
      <c r="D14" s="5">
        <v>0</v>
      </c>
      <c r="E14" s="5">
        <v>0.125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3572</v>
      </c>
      <c r="C15" s="4">
        <v>104</v>
      </c>
      <c r="D15" s="4">
        <v>7</v>
      </c>
      <c r="E15" s="4">
        <v>2</v>
      </c>
      <c r="F15" s="4">
        <v>3685</v>
      </c>
    </row>
    <row r="16" spans="1:15">
      <c r="A16" s="57"/>
      <c r="B16" s="5">
        <v>0.96899999999999997</v>
      </c>
      <c r="C16" s="5">
        <v>2.8000000000000001E-2</v>
      </c>
      <c r="D16" s="5">
        <v>2E-3</v>
      </c>
      <c r="E16" s="5">
        <v>1E-3</v>
      </c>
      <c r="F16" s="5">
        <v>1</v>
      </c>
      <c r="K16" s="9"/>
      <c r="L16" s="9"/>
      <c r="M16" s="9"/>
      <c r="N16" s="9"/>
      <c r="O16" s="9"/>
    </row>
    <row r="17" spans="1:6">
      <c r="A17" s="54" t="s">
        <v>105</v>
      </c>
      <c r="B17" s="54"/>
      <c r="C17" s="54"/>
      <c r="D17" s="54"/>
      <c r="E17" s="54"/>
      <c r="F17" s="54"/>
    </row>
    <row r="18" spans="1:6">
      <c r="A18" s="55"/>
      <c r="B18" s="55"/>
      <c r="C18" s="55"/>
      <c r="D18" s="55"/>
      <c r="E18" s="55"/>
      <c r="F18" s="55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499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26</v>
      </c>
      <c r="B3" s="53" t="s">
        <v>117</v>
      </c>
      <c r="C3" s="53"/>
      <c r="D3" s="53"/>
      <c r="E3" s="53"/>
      <c r="F3" s="53"/>
      <c r="G3" s="2"/>
    </row>
    <row r="4" spans="1:15" ht="28.5">
      <c r="A4" s="60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15">
      <c r="A5" s="56" t="s">
        <v>30</v>
      </c>
      <c r="B5" s="4">
        <v>654</v>
      </c>
      <c r="C5" s="4">
        <v>696</v>
      </c>
      <c r="D5" s="4">
        <v>44</v>
      </c>
      <c r="E5" s="4">
        <v>12</v>
      </c>
      <c r="F5" s="4">
        <v>1406</v>
      </c>
    </row>
    <row r="6" spans="1:15">
      <c r="A6" s="61"/>
      <c r="B6" s="5">
        <v>0.46500000000000002</v>
      </c>
      <c r="C6" s="5">
        <v>0.495</v>
      </c>
      <c r="D6" s="5">
        <v>3.1E-2</v>
      </c>
      <c r="E6" s="5">
        <v>8.9999999999999993E-3</v>
      </c>
      <c r="F6" s="5">
        <v>1</v>
      </c>
    </row>
    <row r="7" spans="1:15">
      <c r="A7" s="56" t="s">
        <v>31</v>
      </c>
      <c r="B7" s="6">
        <v>433</v>
      </c>
      <c r="C7" s="6">
        <v>307</v>
      </c>
      <c r="D7" s="6">
        <v>19</v>
      </c>
      <c r="E7" s="6">
        <v>6</v>
      </c>
      <c r="F7" s="4">
        <v>765</v>
      </c>
    </row>
    <row r="8" spans="1:15">
      <c r="A8" s="57"/>
      <c r="B8" s="5">
        <v>0.56599999999999995</v>
      </c>
      <c r="C8" s="5">
        <v>0.40100000000000002</v>
      </c>
      <c r="D8" s="5">
        <v>2.5000000000000001E-2</v>
      </c>
      <c r="E8" s="5">
        <v>8.0000000000000002E-3</v>
      </c>
      <c r="F8" s="5">
        <v>1</v>
      </c>
      <c r="K8" s="9"/>
      <c r="L8" s="9"/>
      <c r="M8" s="9"/>
      <c r="N8" s="9"/>
      <c r="O8" s="9"/>
    </row>
    <row r="9" spans="1:15">
      <c r="A9" s="56" t="s">
        <v>32</v>
      </c>
      <c r="B9" s="6">
        <v>187</v>
      </c>
      <c r="C9" s="6">
        <v>52</v>
      </c>
      <c r="D9" s="6">
        <v>0</v>
      </c>
      <c r="E9" s="6">
        <v>1</v>
      </c>
      <c r="F9" s="6">
        <v>240</v>
      </c>
    </row>
    <row r="10" spans="1:15">
      <c r="A10" s="57"/>
      <c r="B10" s="5">
        <v>0.77900000000000003</v>
      </c>
      <c r="C10" s="5">
        <v>0.217</v>
      </c>
      <c r="D10" s="5">
        <v>0</v>
      </c>
      <c r="E10" s="5">
        <v>4.0000000000000001E-3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58" t="s">
        <v>38</v>
      </c>
      <c r="B11" s="6">
        <v>109</v>
      </c>
      <c r="C11" s="6">
        <v>73</v>
      </c>
      <c r="D11" s="6">
        <v>15</v>
      </c>
      <c r="E11" s="6">
        <v>2</v>
      </c>
      <c r="F11" s="6">
        <v>199</v>
      </c>
    </row>
    <row r="12" spans="1:15">
      <c r="A12" s="59"/>
      <c r="B12" s="5">
        <v>0.54800000000000004</v>
      </c>
      <c r="C12" s="5">
        <v>0.36699999999999999</v>
      </c>
      <c r="D12" s="5">
        <v>7.4999999999999997E-2</v>
      </c>
      <c r="E12" s="5">
        <v>0.01</v>
      </c>
      <c r="F12" s="5">
        <v>1</v>
      </c>
      <c r="K12" s="9"/>
      <c r="L12" s="9"/>
      <c r="M12" s="9"/>
      <c r="N12" s="9"/>
      <c r="O12" s="9"/>
    </row>
    <row r="13" spans="1:15">
      <c r="A13" s="56" t="s">
        <v>33</v>
      </c>
      <c r="B13" s="6">
        <v>151</v>
      </c>
      <c r="C13" s="6">
        <v>127</v>
      </c>
      <c r="D13" s="6">
        <v>9</v>
      </c>
      <c r="E13" s="6">
        <v>2</v>
      </c>
      <c r="F13" s="6">
        <v>289</v>
      </c>
    </row>
    <row r="14" spans="1:15">
      <c r="A14" s="57"/>
      <c r="B14" s="5">
        <v>0.52200000000000002</v>
      </c>
      <c r="C14" s="5">
        <v>0.439</v>
      </c>
      <c r="D14" s="5">
        <v>3.1E-2</v>
      </c>
      <c r="E14" s="5">
        <v>7.0000000000000001E-3</v>
      </c>
      <c r="F14" s="5">
        <v>1</v>
      </c>
      <c r="K14" s="9"/>
      <c r="L14" s="9"/>
      <c r="M14" s="9"/>
      <c r="N14" s="9"/>
      <c r="O14" s="9"/>
    </row>
    <row r="15" spans="1:15">
      <c r="A15" s="56" t="s">
        <v>34</v>
      </c>
      <c r="B15" s="6">
        <v>168</v>
      </c>
      <c r="C15" s="6">
        <v>71</v>
      </c>
      <c r="D15" s="6">
        <v>13</v>
      </c>
      <c r="E15" s="6">
        <v>0</v>
      </c>
      <c r="F15" s="6">
        <v>252</v>
      </c>
    </row>
    <row r="16" spans="1:15">
      <c r="A16" s="57"/>
      <c r="B16" s="5">
        <v>0.66700000000000004</v>
      </c>
      <c r="C16" s="5">
        <v>0.28199999999999997</v>
      </c>
      <c r="D16" s="5">
        <v>5.1999999999999998E-2</v>
      </c>
      <c r="E16" s="5">
        <v>0</v>
      </c>
      <c r="F16" s="5">
        <v>1</v>
      </c>
      <c r="K16" s="9"/>
      <c r="L16" s="9"/>
      <c r="M16" s="9"/>
      <c r="N16" s="9"/>
      <c r="O16" s="9"/>
    </row>
    <row r="17" spans="1:15">
      <c r="A17" s="56" t="s">
        <v>35</v>
      </c>
      <c r="B17" s="6">
        <v>251</v>
      </c>
      <c r="C17" s="6">
        <v>110</v>
      </c>
      <c r="D17" s="6">
        <v>15</v>
      </c>
      <c r="E17" s="6">
        <v>0</v>
      </c>
      <c r="F17" s="6">
        <v>376</v>
      </c>
    </row>
    <row r="18" spans="1:15">
      <c r="A18" s="57"/>
      <c r="B18" s="5">
        <v>0.66800000000000004</v>
      </c>
      <c r="C18" s="5">
        <v>0.29299999999999998</v>
      </c>
      <c r="D18" s="5">
        <v>0.04</v>
      </c>
      <c r="E18" s="5">
        <v>0</v>
      </c>
      <c r="F18" s="5">
        <v>1</v>
      </c>
      <c r="K18" s="9"/>
      <c r="L18" s="9"/>
      <c r="M18" s="9"/>
      <c r="N18" s="9"/>
      <c r="O18" s="9"/>
    </row>
    <row r="19" spans="1:15">
      <c r="A19" s="56" t="s">
        <v>36</v>
      </c>
      <c r="B19" s="6">
        <v>104</v>
      </c>
      <c r="C19" s="6">
        <v>47</v>
      </c>
      <c r="D19" s="6">
        <v>7</v>
      </c>
      <c r="E19" s="6">
        <v>0</v>
      </c>
      <c r="F19" s="6">
        <v>158</v>
      </c>
    </row>
    <row r="20" spans="1:15">
      <c r="A20" s="57"/>
      <c r="B20" s="5">
        <v>0.65800000000000003</v>
      </c>
      <c r="C20" s="5">
        <v>0.29699999999999999</v>
      </c>
      <c r="D20" s="5">
        <v>4.3999999999999997E-2</v>
      </c>
      <c r="E20" s="5">
        <v>0</v>
      </c>
      <c r="F20" s="5">
        <v>1</v>
      </c>
      <c r="K20" s="9"/>
      <c r="L20" s="9"/>
      <c r="M20" s="9"/>
      <c r="N20" s="9"/>
      <c r="O20" s="9"/>
    </row>
    <row r="21" spans="1:15">
      <c r="A21" s="56" t="s">
        <v>29</v>
      </c>
      <c r="B21" s="4">
        <v>2057</v>
      </c>
      <c r="C21" s="4">
        <v>1483</v>
      </c>
      <c r="D21" s="4">
        <v>122</v>
      </c>
      <c r="E21" s="4">
        <v>23</v>
      </c>
      <c r="F21" s="4">
        <v>3685</v>
      </c>
    </row>
    <row r="22" spans="1:15">
      <c r="A22" s="57"/>
      <c r="B22" s="5">
        <v>0.55800000000000005</v>
      </c>
      <c r="C22" s="5">
        <v>0.40200000000000002</v>
      </c>
      <c r="D22" s="5">
        <v>3.3000000000000002E-2</v>
      </c>
      <c r="E22" s="5">
        <v>6.0000000000000001E-3</v>
      </c>
      <c r="F22" s="5">
        <v>1</v>
      </c>
      <c r="K22" s="9"/>
      <c r="L22" s="9"/>
      <c r="M22" s="9"/>
      <c r="N22" s="9"/>
      <c r="O22" s="9"/>
    </row>
    <row r="23" spans="1:15">
      <c r="A23" s="54" t="s">
        <v>118</v>
      </c>
      <c r="B23" s="54"/>
      <c r="C23" s="54"/>
      <c r="D23" s="54"/>
      <c r="E23" s="54"/>
      <c r="F23" s="54"/>
    </row>
    <row r="24" spans="1:15">
      <c r="A24" s="55"/>
      <c r="B24" s="55"/>
      <c r="C24" s="55"/>
      <c r="D24" s="55"/>
      <c r="E24" s="55"/>
      <c r="F24" s="55"/>
      <c r="K24" s="9"/>
      <c r="L24" s="9"/>
      <c r="M24" s="9"/>
      <c r="N24" s="9"/>
      <c r="O24" s="9"/>
    </row>
  </sheetData>
  <mergeCells count="12">
    <mergeCell ref="A23:F24"/>
    <mergeCell ref="A3:A4"/>
    <mergeCell ref="B3:F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2"/>
  <dimension ref="A1:O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55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197</v>
      </c>
      <c r="B3" s="53" t="s">
        <v>519</v>
      </c>
      <c r="C3" s="53"/>
      <c r="D3" s="53"/>
      <c r="E3" s="53"/>
      <c r="F3" s="53"/>
      <c r="G3" s="2"/>
    </row>
    <row r="4" spans="1:15">
      <c r="A4" s="78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15">
      <c r="A5" s="73" t="s">
        <v>135</v>
      </c>
      <c r="B5" s="4">
        <v>579</v>
      </c>
      <c r="C5" s="4">
        <v>469</v>
      </c>
      <c r="D5" s="4">
        <v>63</v>
      </c>
      <c r="E5" s="4">
        <v>41</v>
      </c>
      <c r="F5" s="4">
        <v>1152</v>
      </c>
    </row>
    <row r="6" spans="1:15">
      <c r="A6" s="77"/>
      <c r="B6" s="5">
        <v>0.503</v>
      </c>
      <c r="C6" s="5">
        <v>0.40699999999999997</v>
      </c>
      <c r="D6" s="5">
        <v>5.5E-2</v>
      </c>
      <c r="E6" s="5">
        <v>3.5999999999999997E-2</v>
      </c>
      <c r="F6" s="5">
        <v>1</v>
      </c>
      <c r="K6" s="9"/>
      <c r="L6" s="9"/>
      <c r="M6" s="9"/>
      <c r="N6" s="9"/>
      <c r="O6" s="9"/>
    </row>
    <row r="7" spans="1:15">
      <c r="A7" s="73" t="s">
        <v>136</v>
      </c>
      <c r="B7" s="6">
        <v>520</v>
      </c>
      <c r="C7" s="6">
        <v>500</v>
      </c>
      <c r="D7" s="6">
        <v>74</v>
      </c>
      <c r="E7" s="6">
        <v>29</v>
      </c>
      <c r="F7" s="4">
        <v>1123</v>
      </c>
    </row>
    <row r="8" spans="1:15">
      <c r="A8" s="74"/>
      <c r="B8" s="5">
        <v>0.46300000000000002</v>
      </c>
      <c r="C8" s="5">
        <v>0.44500000000000001</v>
      </c>
      <c r="D8" s="5">
        <v>6.6000000000000003E-2</v>
      </c>
      <c r="E8" s="5">
        <v>2.5999999999999999E-2</v>
      </c>
      <c r="F8" s="5">
        <v>1</v>
      </c>
      <c r="K8" s="9"/>
      <c r="L8" s="9"/>
      <c r="M8" s="9"/>
      <c r="N8" s="9"/>
      <c r="O8" s="9"/>
    </row>
    <row r="9" spans="1:15">
      <c r="A9" s="73" t="s">
        <v>137</v>
      </c>
      <c r="B9" s="6">
        <v>175</v>
      </c>
      <c r="C9" s="6">
        <v>209</v>
      </c>
      <c r="D9" s="6">
        <v>30</v>
      </c>
      <c r="E9" s="6">
        <v>15</v>
      </c>
      <c r="F9" s="6">
        <v>429</v>
      </c>
    </row>
    <row r="10" spans="1:15">
      <c r="A10" s="74"/>
      <c r="B10" s="5">
        <v>0.40799999999999997</v>
      </c>
      <c r="C10" s="5">
        <v>0.48699999999999999</v>
      </c>
      <c r="D10" s="5">
        <v>7.0000000000000007E-2</v>
      </c>
      <c r="E10" s="5">
        <v>3.5000000000000003E-2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58" t="s">
        <v>138</v>
      </c>
      <c r="B11" s="6">
        <v>313</v>
      </c>
      <c r="C11" s="6">
        <v>446</v>
      </c>
      <c r="D11" s="6">
        <v>88</v>
      </c>
      <c r="E11" s="6">
        <v>15</v>
      </c>
      <c r="F11" s="6">
        <v>862</v>
      </c>
    </row>
    <row r="12" spans="1:15">
      <c r="A12" s="59"/>
      <c r="B12" s="5">
        <v>0.36299999999999999</v>
      </c>
      <c r="C12" s="5">
        <v>0.51700000000000002</v>
      </c>
      <c r="D12" s="5">
        <v>0.10199999999999999</v>
      </c>
      <c r="E12" s="5">
        <v>1.7000000000000001E-2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4</v>
      </c>
      <c r="C13" s="6">
        <v>1</v>
      </c>
      <c r="D13" s="6">
        <v>1</v>
      </c>
      <c r="E13" s="6">
        <v>0</v>
      </c>
      <c r="F13" s="6">
        <v>6</v>
      </c>
    </row>
    <row r="14" spans="1:15">
      <c r="A14" s="57"/>
      <c r="B14" s="5">
        <v>0.66700000000000004</v>
      </c>
      <c r="C14" s="5">
        <v>0.16700000000000001</v>
      </c>
      <c r="D14" s="5">
        <v>0.16700000000000001</v>
      </c>
      <c r="E14" s="5">
        <v>0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1591</v>
      </c>
      <c r="C15" s="4">
        <v>1625</v>
      </c>
      <c r="D15" s="4">
        <v>256</v>
      </c>
      <c r="E15" s="4">
        <v>100</v>
      </c>
      <c r="F15" s="4">
        <v>3572</v>
      </c>
    </row>
    <row r="16" spans="1:15">
      <c r="A16" s="57"/>
      <c r="B16" s="5">
        <v>0.44500000000000001</v>
      </c>
      <c r="C16" s="5">
        <v>0.45500000000000002</v>
      </c>
      <c r="D16" s="5">
        <v>7.1999999999999995E-2</v>
      </c>
      <c r="E16" s="5">
        <v>2.8000000000000001E-2</v>
      </c>
      <c r="F16" s="5">
        <v>1</v>
      </c>
      <c r="K16" s="9"/>
      <c r="L16" s="9"/>
      <c r="M16" s="9"/>
      <c r="N16" s="9"/>
      <c r="O16" s="9"/>
    </row>
    <row r="17" spans="1:15">
      <c r="A17" s="54" t="s">
        <v>520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1" spans="1:15">
      <c r="C21" s="1" t="s">
        <v>62</v>
      </c>
      <c r="K21" s="9"/>
      <c r="L21" s="9"/>
      <c r="M21" s="9"/>
      <c r="N21" s="9"/>
      <c r="O21" s="9"/>
    </row>
    <row r="23" spans="1:15">
      <c r="K23" s="9"/>
      <c r="L23" s="9"/>
      <c r="M23" s="9"/>
      <c r="N23" s="9"/>
      <c r="O23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3"/>
  <dimension ref="A1:N21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4">
      <c r="A1" s="1" t="s">
        <v>656</v>
      </c>
    </row>
    <row r="2" spans="1:14" ht="14.25" customHeight="1">
      <c r="A2" s="41" t="s">
        <v>812</v>
      </c>
      <c r="C2" s="7"/>
      <c r="D2" s="7"/>
      <c r="E2" s="7"/>
    </row>
    <row r="3" spans="1:14" ht="14.25" customHeight="1">
      <c r="A3" s="78" t="s">
        <v>197</v>
      </c>
      <c r="B3" s="53" t="s">
        <v>113</v>
      </c>
      <c r="C3" s="53"/>
      <c r="D3" s="53"/>
      <c r="E3" s="53"/>
      <c r="F3" s="2"/>
    </row>
    <row r="4" spans="1:14" ht="28.5">
      <c r="A4" s="78"/>
      <c r="B4" s="3" t="s">
        <v>151</v>
      </c>
      <c r="C4" s="8" t="s">
        <v>152</v>
      </c>
      <c r="D4" s="8" t="s">
        <v>42</v>
      </c>
      <c r="E4" s="8" t="s">
        <v>29</v>
      </c>
    </row>
    <row r="5" spans="1:14">
      <c r="A5" s="73" t="s">
        <v>135</v>
      </c>
      <c r="B5" s="4">
        <v>1190</v>
      </c>
      <c r="C5" s="4">
        <v>18</v>
      </c>
      <c r="D5" s="4">
        <v>2</v>
      </c>
      <c r="E5" s="4">
        <v>1210</v>
      </c>
    </row>
    <row r="6" spans="1:14">
      <c r="A6" s="77"/>
      <c r="B6" s="5">
        <v>0.98299999999999998</v>
      </c>
      <c r="C6" s="5">
        <v>1.4999999999999999E-2</v>
      </c>
      <c r="D6" s="5">
        <v>2E-3</v>
      </c>
      <c r="E6" s="5">
        <v>1</v>
      </c>
      <c r="K6" s="9"/>
      <c r="L6" s="9"/>
      <c r="M6" s="9"/>
      <c r="N6" s="9"/>
    </row>
    <row r="7" spans="1:14">
      <c r="A7" s="73" t="s">
        <v>136</v>
      </c>
      <c r="B7" s="4">
        <v>1148</v>
      </c>
      <c r="C7" s="4">
        <v>10</v>
      </c>
      <c r="D7" s="4">
        <v>2</v>
      </c>
      <c r="E7" s="4">
        <v>1160</v>
      </c>
    </row>
    <row r="8" spans="1:14">
      <c r="A8" s="74"/>
      <c r="B8" s="5">
        <v>0.99</v>
      </c>
      <c r="C8" s="5">
        <v>8.9999999999999993E-3</v>
      </c>
      <c r="D8" s="5">
        <v>2E-3</v>
      </c>
      <c r="E8" s="5">
        <v>1</v>
      </c>
      <c r="K8" s="9"/>
      <c r="L8" s="9"/>
      <c r="M8" s="9"/>
      <c r="N8" s="9"/>
    </row>
    <row r="9" spans="1:14">
      <c r="A9" s="73" t="s">
        <v>137</v>
      </c>
      <c r="B9" s="6">
        <v>428</v>
      </c>
      <c r="C9" s="6">
        <v>4</v>
      </c>
      <c r="D9" s="6">
        <v>1</v>
      </c>
      <c r="E9" s="6">
        <v>433</v>
      </c>
    </row>
    <row r="10" spans="1:14">
      <c r="A10" s="74"/>
      <c r="B10" s="5">
        <v>0.98799999999999999</v>
      </c>
      <c r="C10" s="5">
        <v>8.9999999999999993E-3</v>
      </c>
      <c r="D10" s="5">
        <v>2E-3</v>
      </c>
      <c r="E10" s="5">
        <v>1</v>
      </c>
      <c r="K10" s="9"/>
      <c r="L10" s="9"/>
      <c r="M10" s="9"/>
      <c r="N10" s="9"/>
    </row>
    <row r="11" spans="1:14" ht="14.25" customHeight="1">
      <c r="A11" s="58" t="s">
        <v>138</v>
      </c>
      <c r="B11" s="6">
        <v>867</v>
      </c>
      <c r="C11" s="6">
        <v>5</v>
      </c>
      <c r="D11" s="6">
        <v>2</v>
      </c>
      <c r="E11" s="6">
        <v>874</v>
      </c>
    </row>
    <row r="12" spans="1:14">
      <c r="A12" s="59"/>
      <c r="B12" s="5">
        <v>0.99199999999999999</v>
      </c>
      <c r="C12" s="5">
        <v>6.0000000000000001E-3</v>
      </c>
      <c r="D12" s="5">
        <v>2E-3</v>
      </c>
      <c r="E12" s="5">
        <v>1</v>
      </c>
      <c r="K12" s="9"/>
      <c r="L12" s="9"/>
      <c r="M12" s="9"/>
      <c r="N12" s="9"/>
    </row>
    <row r="13" spans="1:14">
      <c r="A13" s="56" t="s">
        <v>171</v>
      </c>
      <c r="B13" s="6">
        <v>4</v>
      </c>
      <c r="C13" s="6">
        <v>2</v>
      </c>
      <c r="D13" s="6">
        <v>2</v>
      </c>
      <c r="E13" s="6">
        <v>8</v>
      </c>
    </row>
    <row r="14" spans="1:14">
      <c r="A14" s="57"/>
      <c r="B14" s="5">
        <v>0.5</v>
      </c>
      <c r="C14" s="5">
        <v>0.25</v>
      </c>
      <c r="D14" s="5">
        <v>0.25</v>
      </c>
      <c r="E14" s="5">
        <v>1</v>
      </c>
      <c r="K14" s="9"/>
      <c r="L14" s="9"/>
      <c r="M14" s="9"/>
      <c r="N14" s="9"/>
    </row>
    <row r="15" spans="1:14">
      <c r="A15" s="56" t="s">
        <v>29</v>
      </c>
      <c r="B15" s="4">
        <v>3637</v>
      </c>
      <c r="C15" s="4">
        <v>39</v>
      </c>
      <c r="D15" s="4">
        <v>9</v>
      </c>
      <c r="E15" s="4">
        <v>3685</v>
      </c>
    </row>
    <row r="16" spans="1:14">
      <c r="A16" s="57"/>
      <c r="B16" s="5">
        <v>0.98699999999999999</v>
      </c>
      <c r="C16" s="5">
        <v>1.0999999999999999E-2</v>
      </c>
      <c r="D16" s="5">
        <v>2E-3</v>
      </c>
      <c r="E16" s="5">
        <v>1</v>
      </c>
      <c r="K16" s="9"/>
      <c r="L16" s="9"/>
      <c r="M16" s="9"/>
      <c r="N16" s="9"/>
    </row>
    <row r="17" spans="1:5">
      <c r="A17" s="54" t="s">
        <v>106</v>
      </c>
      <c r="B17" s="54"/>
      <c r="C17" s="54"/>
      <c r="D17" s="54"/>
      <c r="E17" s="54"/>
    </row>
    <row r="18" spans="1:5">
      <c r="A18" s="55"/>
      <c r="B18" s="55"/>
      <c r="C18" s="55"/>
      <c r="D18" s="55"/>
      <c r="E18" s="55"/>
    </row>
    <row r="21" spans="1:5">
      <c r="C21" s="1" t="s">
        <v>213</v>
      </c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4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57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197</v>
      </c>
      <c r="B3" s="53" t="s">
        <v>114</v>
      </c>
      <c r="C3" s="53"/>
      <c r="D3" s="53"/>
      <c r="E3" s="53"/>
      <c r="F3" s="53"/>
      <c r="G3" s="2"/>
    </row>
    <row r="4" spans="1:15">
      <c r="A4" s="78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15">
      <c r="A5" s="73" t="s">
        <v>135</v>
      </c>
      <c r="B5" s="4">
        <v>288</v>
      </c>
      <c r="C5" s="4">
        <v>381</v>
      </c>
      <c r="D5" s="4">
        <v>529</v>
      </c>
      <c r="E5" s="4">
        <v>12</v>
      </c>
      <c r="F5" s="4">
        <v>1210</v>
      </c>
    </row>
    <row r="6" spans="1:15">
      <c r="A6" s="77"/>
      <c r="B6" s="5">
        <v>0.23799999999999999</v>
      </c>
      <c r="C6" s="5">
        <v>0.315</v>
      </c>
      <c r="D6" s="5">
        <v>0.437</v>
      </c>
      <c r="E6" s="5">
        <v>0.01</v>
      </c>
      <c r="F6" s="5">
        <v>1</v>
      </c>
      <c r="K6" s="9"/>
      <c r="L6" s="9"/>
      <c r="M6" s="9"/>
      <c r="N6" s="9"/>
      <c r="O6" s="9"/>
    </row>
    <row r="7" spans="1:15">
      <c r="A7" s="73" t="s">
        <v>136</v>
      </c>
      <c r="B7" s="6">
        <v>188</v>
      </c>
      <c r="C7" s="6">
        <v>383</v>
      </c>
      <c r="D7" s="6">
        <v>582</v>
      </c>
      <c r="E7" s="6">
        <v>7</v>
      </c>
      <c r="F7" s="4">
        <v>1160</v>
      </c>
    </row>
    <row r="8" spans="1:15">
      <c r="A8" s="74"/>
      <c r="B8" s="5">
        <v>0.16200000000000001</v>
      </c>
      <c r="C8" s="5">
        <v>0.33</v>
      </c>
      <c r="D8" s="5">
        <v>0.502</v>
      </c>
      <c r="E8" s="5">
        <v>6.0000000000000001E-3</v>
      </c>
      <c r="F8" s="5">
        <v>1</v>
      </c>
      <c r="K8" s="9"/>
      <c r="L8" s="9"/>
      <c r="M8" s="9"/>
      <c r="N8" s="9"/>
      <c r="O8" s="9"/>
    </row>
    <row r="9" spans="1:15">
      <c r="A9" s="73" t="s">
        <v>137</v>
      </c>
      <c r="B9" s="6">
        <v>69</v>
      </c>
      <c r="C9" s="6">
        <v>150</v>
      </c>
      <c r="D9" s="6">
        <v>212</v>
      </c>
      <c r="E9" s="6">
        <v>2</v>
      </c>
      <c r="F9" s="6">
        <v>433</v>
      </c>
    </row>
    <row r="10" spans="1:15">
      <c r="A10" s="74"/>
      <c r="B10" s="5">
        <v>0.159</v>
      </c>
      <c r="C10" s="5">
        <v>0.34599999999999997</v>
      </c>
      <c r="D10" s="5">
        <v>0.49</v>
      </c>
      <c r="E10" s="5">
        <v>5.0000000000000001E-3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58" t="s">
        <v>138</v>
      </c>
      <c r="B11" s="6">
        <v>123</v>
      </c>
      <c r="C11" s="6">
        <v>277</v>
      </c>
      <c r="D11" s="6">
        <v>466</v>
      </c>
      <c r="E11" s="6">
        <v>8</v>
      </c>
      <c r="F11" s="6">
        <v>874</v>
      </c>
    </row>
    <row r="12" spans="1:15">
      <c r="A12" s="59"/>
      <c r="B12" s="5">
        <v>0.14099999999999999</v>
      </c>
      <c r="C12" s="5">
        <v>0.317</v>
      </c>
      <c r="D12" s="5">
        <v>0.53300000000000003</v>
      </c>
      <c r="E12" s="5">
        <v>8.9999999999999993E-3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2</v>
      </c>
      <c r="C13" s="6">
        <v>1</v>
      </c>
      <c r="D13" s="6">
        <v>3</v>
      </c>
      <c r="E13" s="6">
        <v>2</v>
      </c>
      <c r="F13" s="6">
        <v>8</v>
      </c>
    </row>
    <row r="14" spans="1:15">
      <c r="A14" s="57"/>
      <c r="B14" s="5">
        <v>0.25</v>
      </c>
      <c r="C14" s="5">
        <v>0.125</v>
      </c>
      <c r="D14" s="5">
        <v>0.375</v>
      </c>
      <c r="E14" s="5">
        <v>0.25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670</v>
      </c>
      <c r="C15" s="4">
        <v>1192</v>
      </c>
      <c r="D15" s="4">
        <v>1792</v>
      </c>
      <c r="E15" s="4">
        <v>31</v>
      </c>
      <c r="F15" s="4">
        <v>3685</v>
      </c>
    </row>
    <row r="16" spans="1:15">
      <c r="A16" s="57"/>
      <c r="B16" s="5">
        <v>0.182</v>
      </c>
      <c r="C16" s="5">
        <v>0.32300000000000001</v>
      </c>
      <c r="D16" s="5">
        <v>0.48599999999999999</v>
      </c>
      <c r="E16" s="5">
        <v>8.0000000000000002E-3</v>
      </c>
      <c r="F16" s="5">
        <v>1</v>
      </c>
      <c r="K16" s="9"/>
      <c r="L16" s="9"/>
      <c r="M16" s="9"/>
      <c r="N16" s="9"/>
      <c r="O16" s="9"/>
    </row>
    <row r="17" spans="1:15">
      <c r="A17" s="54" t="s">
        <v>115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5"/>
  <dimension ref="A1:H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658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197</v>
      </c>
      <c r="B3" s="53" t="s">
        <v>11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8">
      <c r="A5" s="73" t="s">
        <v>135</v>
      </c>
      <c r="B5" s="4">
        <v>922</v>
      </c>
      <c r="C5" s="4">
        <v>95</v>
      </c>
      <c r="D5" s="4">
        <v>145</v>
      </c>
      <c r="E5" s="4">
        <v>38</v>
      </c>
      <c r="F5" s="4">
        <v>10</v>
      </c>
      <c r="G5" s="4">
        <v>1210</v>
      </c>
    </row>
    <row r="6" spans="1:8">
      <c r="A6" s="77"/>
      <c r="B6" s="5">
        <v>0.76200000000000001</v>
      </c>
      <c r="C6" s="5">
        <v>7.9000000000000001E-2</v>
      </c>
      <c r="D6" s="5">
        <v>0.12</v>
      </c>
      <c r="E6" s="5">
        <v>3.1E-2</v>
      </c>
      <c r="F6" s="5">
        <v>8.0000000000000002E-3</v>
      </c>
      <c r="G6" s="5">
        <v>1</v>
      </c>
    </row>
    <row r="7" spans="1:8">
      <c r="A7" s="73" t="s">
        <v>136</v>
      </c>
      <c r="B7" s="6">
        <v>867</v>
      </c>
      <c r="C7" s="6">
        <v>86</v>
      </c>
      <c r="D7" s="6">
        <v>152</v>
      </c>
      <c r="E7" s="6">
        <v>50</v>
      </c>
      <c r="F7" s="6">
        <v>5</v>
      </c>
      <c r="G7" s="4">
        <v>1160</v>
      </c>
    </row>
    <row r="8" spans="1:8">
      <c r="A8" s="74"/>
      <c r="B8" s="5">
        <v>0.747</v>
      </c>
      <c r="C8" s="5">
        <v>7.3999999999999996E-2</v>
      </c>
      <c r="D8" s="5">
        <v>0.13100000000000001</v>
      </c>
      <c r="E8" s="5">
        <v>4.2999999999999997E-2</v>
      </c>
      <c r="F8" s="5">
        <v>4.0000000000000001E-3</v>
      </c>
      <c r="G8" s="5">
        <v>1</v>
      </c>
    </row>
    <row r="9" spans="1:8">
      <c r="A9" s="73" t="s">
        <v>137</v>
      </c>
      <c r="B9" s="6">
        <v>344</v>
      </c>
      <c r="C9" s="6">
        <v>30</v>
      </c>
      <c r="D9" s="6">
        <v>46</v>
      </c>
      <c r="E9" s="6">
        <v>10</v>
      </c>
      <c r="F9" s="6">
        <v>3</v>
      </c>
      <c r="G9" s="6">
        <v>433</v>
      </c>
    </row>
    <row r="10" spans="1:8">
      <c r="A10" s="74"/>
      <c r="B10" s="5">
        <v>0.79400000000000004</v>
      </c>
      <c r="C10" s="5">
        <v>6.9000000000000006E-2</v>
      </c>
      <c r="D10" s="5">
        <v>0.106</v>
      </c>
      <c r="E10" s="5">
        <v>2.3E-2</v>
      </c>
      <c r="F10" s="5">
        <v>7.0000000000000001E-3</v>
      </c>
      <c r="G10" s="5">
        <v>1</v>
      </c>
    </row>
    <row r="11" spans="1:8" ht="14.25" customHeight="1">
      <c r="A11" s="58" t="s">
        <v>138</v>
      </c>
      <c r="B11" s="6">
        <v>688</v>
      </c>
      <c r="C11" s="6">
        <v>57</v>
      </c>
      <c r="D11" s="6">
        <v>107</v>
      </c>
      <c r="E11" s="6">
        <v>22</v>
      </c>
      <c r="F11" s="6">
        <v>0</v>
      </c>
      <c r="G11" s="6">
        <v>874</v>
      </c>
    </row>
    <row r="12" spans="1:8">
      <c r="A12" s="59"/>
      <c r="B12" s="5">
        <v>0.78700000000000003</v>
      </c>
      <c r="C12" s="5">
        <v>6.5000000000000002E-2</v>
      </c>
      <c r="D12" s="5">
        <v>0.122</v>
      </c>
      <c r="E12" s="5">
        <v>2.5000000000000001E-2</v>
      </c>
      <c r="F12" s="5">
        <v>0</v>
      </c>
      <c r="G12" s="5">
        <v>1</v>
      </c>
    </row>
    <row r="13" spans="1:8">
      <c r="A13" s="56" t="s">
        <v>171</v>
      </c>
      <c r="B13" s="6">
        <v>4</v>
      </c>
      <c r="C13" s="6">
        <v>0</v>
      </c>
      <c r="D13" s="6">
        <v>3</v>
      </c>
      <c r="E13" s="6">
        <v>0</v>
      </c>
      <c r="F13" s="6">
        <v>1</v>
      </c>
      <c r="G13" s="6">
        <v>8</v>
      </c>
    </row>
    <row r="14" spans="1:8">
      <c r="A14" s="57"/>
      <c r="B14" s="5">
        <v>0.5</v>
      </c>
      <c r="C14" s="5">
        <v>0</v>
      </c>
      <c r="D14" s="5">
        <v>0.375</v>
      </c>
      <c r="E14" s="5">
        <v>0</v>
      </c>
      <c r="F14" s="5">
        <v>0.125</v>
      </c>
      <c r="G14" s="5">
        <v>1</v>
      </c>
    </row>
    <row r="15" spans="1:8">
      <c r="A15" s="56" t="s">
        <v>29</v>
      </c>
      <c r="B15" s="4">
        <v>2825</v>
      </c>
      <c r="C15" s="4">
        <v>268</v>
      </c>
      <c r="D15" s="4">
        <v>453</v>
      </c>
      <c r="E15" s="4">
        <v>120</v>
      </c>
      <c r="F15" s="4">
        <v>19</v>
      </c>
      <c r="G15" s="4">
        <v>3685</v>
      </c>
    </row>
    <row r="16" spans="1:8">
      <c r="A16" s="57"/>
      <c r="B16" s="5">
        <v>0.76700000000000002</v>
      </c>
      <c r="C16" s="5">
        <v>7.2999999999999995E-2</v>
      </c>
      <c r="D16" s="5">
        <v>0.123</v>
      </c>
      <c r="E16" s="5">
        <v>3.3000000000000002E-2</v>
      </c>
      <c r="F16" s="5">
        <v>5.0000000000000001E-3</v>
      </c>
      <c r="G16" s="5">
        <v>1</v>
      </c>
    </row>
    <row r="17" spans="1:7">
      <c r="A17" s="54" t="s">
        <v>119</v>
      </c>
      <c r="B17" s="54"/>
      <c r="C17" s="54"/>
      <c r="D17" s="54"/>
      <c r="E17" s="54"/>
      <c r="F17" s="54"/>
      <c r="G17" s="54"/>
    </row>
    <row r="18" spans="1:7">
      <c r="A18" s="55"/>
      <c r="B18" s="55"/>
      <c r="C18" s="55"/>
      <c r="D18" s="55"/>
      <c r="E18" s="55"/>
      <c r="F18" s="55"/>
      <c r="G18" s="55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6"/>
  <dimension ref="A1:G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59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197</v>
      </c>
      <c r="B3" s="53" t="s">
        <v>117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7">
      <c r="A5" s="73" t="s">
        <v>135</v>
      </c>
      <c r="B5" s="4">
        <v>653</v>
      </c>
      <c r="C5" s="4">
        <v>507</v>
      </c>
      <c r="D5" s="4">
        <v>42</v>
      </c>
      <c r="E5" s="4">
        <v>8</v>
      </c>
      <c r="F5" s="4">
        <v>1210</v>
      </c>
    </row>
    <row r="6" spans="1:7">
      <c r="A6" s="77"/>
      <c r="B6" s="5">
        <v>0.54</v>
      </c>
      <c r="C6" s="5">
        <v>0.41899999999999998</v>
      </c>
      <c r="D6" s="5">
        <v>3.5000000000000003E-2</v>
      </c>
      <c r="E6" s="5">
        <v>7.0000000000000001E-3</v>
      </c>
      <c r="F6" s="5">
        <v>1</v>
      </c>
    </row>
    <row r="7" spans="1:7">
      <c r="A7" s="73" t="s">
        <v>136</v>
      </c>
      <c r="B7" s="6">
        <v>638</v>
      </c>
      <c r="C7" s="6">
        <v>473</v>
      </c>
      <c r="D7" s="6">
        <v>42</v>
      </c>
      <c r="E7" s="6">
        <v>7</v>
      </c>
      <c r="F7" s="4">
        <v>1160</v>
      </c>
    </row>
    <row r="8" spans="1:7">
      <c r="A8" s="74"/>
      <c r="B8" s="5">
        <v>0.55000000000000004</v>
      </c>
      <c r="C8" s="5">
        <v>0.40799999999999997</v>
      </c>
      <c r="D8" s="5">
        <v>3.5999999999999997E-2</v>
      </c>
      <c r="E8" s="5">
        <v>6.0000000000000001E-3</v>
      </c>
      <c r="F8" s="5">
        <v>1</v>
      </c>
    </row>
    <row r="9" spans="1:7">
      <c r="A9" s="73" t="s">
        <v>137</v>
      </c>
      <c r="B9" s="6">
        <v>251</v>
      </c>
      <c r="C9" s="6">
        <v>175</v>
      </c>
      <c r="D9" s="6">
        <v>7</v>
      </c>
      <c r="E9" s="6">
        <v>0</v>
      </c>
      <c r="F9" s="6">
        <v>433</v>
      </c>
    </row>
    <row r="10" spans="1:7">
      <c r="A10" s="74"/>
      <c r="B10" s="5">
        <v>0.57999999999999996</v>
      </c>
      <c r="C10" s="5">
        <v>0.40400000000000003</v>
      </c>
      <c r="D10" s="5">
        <v>1.6E-2</v>
      </c>
      <c r="E10" s="5">
        <v>0</v>
      </c>
      <c r="F10" s="5">
        <v>1</v>
      </c>
    </row>
    <row r="11" spans="1:7" ht="14.25" customHeight="1">
      <c r="A11" s="58" t="s">
        <v>138</v>
      </c>
      <c r="B11" s="6">
        <v>511</v>
      </c>
      <c r="C11" s="6">
        <v>325</v>
      </c>
      <c r="D11" s="6">
        <v>31</v>
      </c>
      <c r="E11" s="6">
        <v>7</v>
      </c>
      <c r="F11" s="6">
        <v>874</v>
      </c>
    </row>
    <row r="12" spans="1:7">
      <c r="A12" s="59"/>
      <c r="B12" s="5">
        <v>0.58499999999999996</v>
      </c>
      <c r="C12" s="5">
        <v>0.372</v>
      </c>
      <c r="D12" s="5">
        <v>3.5000000000000003E-2</v>
      </c>
      <c r="E12" s="5">
        <v>8.0000000000000002E-3</v>
      </c>
      <c r="F12" s="5">
        <v>1</v>
      </c>
    </row>
    <row r="13" spans="1:7">
      <c r="A13" s="56" t="s">
        <v>171</v>
      </c>
      <c r="B13" s="6">
        <v>4</v>
      </c>
      <c r="C13" s="6">
        <v>3</v>
      </c>
      <c r="D13" s="6">
        <v>0</v>
      </c>
      <c r="E13" s="6">
        <v>1</v>
      </c>
      <c r="F13" s="6">
        <v>8</v>
      </c>
    </row>
    <row r="14" spans="1:7">
      <c r="A14" s="57"/>
      <c r="B14" s="5">
        <v>0.5</v>
      </c>
      <c r="C14" s="5">
        <v>0.375</v>
      </c>
      <c r="D14" s="5">
        <v>0</v>
      </c>
      <c r="E14" s="5">
        <v>0.125</v>
      </c>
      <c r="F14" s="5">
        <v>1</v>
      </c>
    </row>
    <row r="15" spans="1:7">
      <c r="A15" s="56" t="s">
        <v>29</v>
      </c>
      <c r="B15" s="4">
        <v>2057</v>
      </c>
      <c r="C15" s="4">
        <v>1483</v>
      </c>
      <c r="D15" s="4">
        <v>122</v>
      </c>
      <c r="E15" s="4">
        <v>23</v>
      </c>
      <c r="F15" s="4">
        <v>3685</v>
      </c>
    </row>
    <row r="16" spans="1:7">
      <c r="A16" s="57"/>
      <c r="B16" s="5">
        <v>0.55800000000000005</v>
      </c>
      <c r="C16" s="5">
        <v>0.40200000000000002</v>
      </c>
      <c r="D16" s="5">
        <v>3.3000000000000002E-2</v>
      </c>
      <c r="E16" s="5">
        <v>6.0000000000000001E-3</v>
      </c>
      <c r="F16" s="5">
        <v>1</v>
      </c>
    </row>
    <row r="17" spans="1:6">
      <c r="A17" s="54" t="s">
        <v>118</v>
      </c>
      <c r="B17" s="54"/>
      <c r="C17" s="54"/>
      <c r="D17" s="54"/>
      <c r="E17" s="54"/>
      <c r="F17" s="54"/>
    </row>
    <row r="18" spans="1:6">
      <c r="A18" s="55"/>
      <c r="B18" s="55"/>
      <c r="C18" s="55"/>
      <c r="D18" s="55"/>
      <c r="E18" s="55"/>
      <c r="F18" s="55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7"/>
  <dimension ref="A1:F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60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197</v>
      </c>
      <c r="B3" s="53" t="s">
        <v>120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135</v>
      </c>
      <c r="B5" s="4">
        <v>740</v>
      </c>
      <c r="C5" s="4">
        <v>465</v>
      </c>
      <c r="D5" s="4">
        <v>5</v>
      </c>
      <c r="E5" s="4">
        <v>1210</v>
      </c>
    </row>
    <row r="6" spans="1:6">
      <c r="A6" s="77"/>
      <c r="B6" s="5">
        <v>0.61199999999999999</v>
      </c>
      <c r="C6" s="5">
        <v>0.38400000000000001</v>
      </c>
      <c r="D6" s="5">
        <v>4.0000000000000001E-3</v>
      </c>
      <c r="E6" s="5">
        <v>1</v>
      </c>
    </row>
    <row r="7" spans="1:6">
      <c r="A7" s="73" t="s">
        <v>136</v>
      </c>
      <c r="B7" s="6">
        <v>715</v>
      </c>
      <c r="C7" s="6">
        <v>443</v>
      </c>
      <c r="D7" s="6">
        <v>2</v>
      </c>
      <c r="E7" s="4">
        <v>1160</v>
      </c>
    </row>
    <row r="8" spans="1:6">
      <c r="A8" s="74"/>
      <c r="B8" s="5">
        <v>0.61599999999999999</v>
      </c>
      <c r="C8" s="5">
        <v>0.38200000000000001</v>
      </c>
      <c r="D8" s="5">
        <v>2E-3</v>
      </c>
      <c r="E8" s="5">
        <v>1</v>
      </c>
    </row>
    <row r="9" spans="1:6">
      <c r="A9" s="73" t="s">
        <v>137</v>
      </c>
      <c r="B9" s="6">
        <v>281</v>
      </c>
      <c r="C9" s="6">
        <v>152</v>
      </c>
      <c r="D9" s="6">
        <v>0</v>
      </c>
      <c r="E9" s="6">
        <v>433</v>
      </c>
    </row>
    <row r="10" spans="1:6">
      <c r="A10" s="74"/>
      <c r="B10" s="5">
        <v>0.64900000000000002</v>
      </c>
      <c r="C10" s="5">
        <v>0.35099999999999998</v>
      </c>
      <c r="D10" s="5">
        <v>0</v>
      </c>
      <c r="E10" s="5">
        <v>1</v>
      </c>
    </row>
    <row r="11" spans="1:6" ht="14.25" customHeight="1">
      <c r="A11" s="58" t="s">
        <v>138</v>
      </c>
      <c r="B11" s="6">
        <v>575</v>
      </c>
      <c r="C11" s="6">
        <v>297</v>
      </c>
      <c r="D11" s="6">
        <v>2</v>
      </c>
      <c r="E11" s="6">
        <v>874</v>
      </c>
    </row>
    <row r="12" spans="1:6">
      <c r="A12" s="59"/>
      <c r="B12" s="5">
        <v>0.65800000000000003</v>
      </c>
      <c r="C12" s="5">
        <v>0.34</v>
      </c>
      <c r="D12" s="5">
        <v>2E-3</v>
      </c>
      <c r="E12" s="5">
        <v>1</v>
      </c>
    </row>
    <row r="13" spans="1:6">
      <c r="A13" s="56" t="s">
        <v>171</v>
      </c>
      <c r="B13" s="6">
        <v>5</v>
      </c>
      <c r="C13" s="6">
        <v>2</v>
      </c>
      <c r="D13" s="6">
        <v>1</v>
      </c>
      <c r="E13" s="6">
        <v>8</v>
      </c>
    </row>
    <row r="14" spans="1:6">
      <c r="A14" s="57"/>
      <c r="B14" s="5">
        <v>0.625</v>
      </c>
      <c r="C14" s="5">
        <v>0.25</v>
      </c>
      <c r="D14" s="5">
        <v>0.125</v>
      </c>
      <c r="E14" s="5">
        <v>1</v>
      </c>
    </row>
    <row r="15" spans="1:6">
      <c r="A15" s="56" t="s">
        <v>29</v>
      </c>
      <c r="B15" s="4">
        <v>2316</v>
      </c>
      <c r="C15" s="4">
        <v>1359</v>
      </c>
      <c r="D15" s="4">
        <v>10</v>
      </c>
      <c r="E15" s="4">
        <v>3685</v>
      </c>
    </row>
    <row r="16" spans="1:6">
      <c r="A16" s="57"/>
      <c r="B16" s="5">
        <v>0.628</v>
      </c>
      <c r="C16" s="5">
        <v>0.36899999999999999</v>
      </c>
      <c r="D16" s="5">
        <v>3.0000000000000001E-3</v>
      </c>
      <c r="E16" s="5">
        <v>1</v>
      </c>
    </row>
    <row r="17" spans="1:5">
      <c r="A17" s="54" t="s">
        <v>121</v>
      </c>
      <c r="B17" s="54"/>
      <c r="C17" s="54"/>
      <c r="D17" s="54"/>
      <c r="E17" s="54"/>
    </row>
    <row r="18" spans="1:5">
      <c r="A18" s="55"/>
      <c r="B18" s="55"/>
      <c r="C18" s="55"/>
      <c r="D18" s="55"/>
      <c r="E18" s="55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661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60.75" customHeight="1">
      <c r="A3" s="78" t="s">
        <v>197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73" t="s">
        <v>135</v>
      </c>
      <c r="B5" s="4">
        <v>64</v>
      </c>
      <c r="C5" s="4">
        <v>676</v>
      </c>
      <c r="D5" s="4">
        <v>569</v>
      </c>
      <c r="E5" s="4">
        <v>171</v>
      </c>
      <c r="F5" s="4">
        <v>218</v>
      </c>
      <c r="G5" s="4">
        <v>522</v>
      </c>
    </row>
    <row r="6" spans="1:7">
      <c r="A6" s="77"/>
      <c r="B6" s="5">
        <v>8.5999999999999993E-2</v>
      </c>
      <c r="C6" s="5">
        <v>0.91400000000000003</v>
      </c>
      <c r="D6" s="5">
        <v>0.76900000000000002</v>
      </c>
      <c r="E6" s="5">
        <v>0.23100000000000001</v>
      </c>
      <c r="F6" s="5">
        <v>0.29499999999999998</v>
      </c>
      <c r="G6" s="5">
        <v>0.70499999999999996</v>
      </c>
    </row>
    <row r="7" spans="1:7">
      <c r="A7" s="73" t="s">
        <v>136</v>
      </c>
      <c r="B7" s="6">
        <v>55</v>
      </c>
      <c r="C7" s="6">
        <v>660</v>
      </c>
      <c r="D7" s="6">
        <v>571</v>
      </c>
      <c r="E7" s="6">
        <v>144</v>
      </c>
      <c r="F7" s="6">
        <v>246</v>
      </c>
      <c r="G7" s="6">
        <v>469</v>
      </c>
    </row>
    <row r="8" spans="1:7">
      <c r="A8" s="74"/>
      <c r="B8" s="5">
        <v>7.6999999999999999E-2</v>
      </c>
      <c r="C8" s="5">
        <v>0.92300000000000004</v>
      </c>
      <c r="D8" s="5">
        <v>0.79900000000000004</v>
      </c>
      <c r="E8" s="5">
        <v>0.20100000000000001</v>
      </c>
      <c r="F8" s="5">
        <v>0.34399999999999997</v>
      </c>
      <c r="G8" s="5">
        <v>0.65600000000000003</v>
      </c>
    </row>
    <row r="9" spans="1:7">
      <c r="A9" s="73" t="s">
        <v>137</v>
      </c>
      <c r="B9" s="6">
        <v>19</v>
      </c>
      <c r="C9" s="6">
        <v>262</v>
      </c>
      <c r="D9" s="6">
        <v>230</v>
      </c>
      <c r="E9" s="6">
        <v>51</v>
      </c>
      <c r="F9" s="6">
        <v>103</v>
      </c>
      <c r="G9" s="6">
        <v>178</v>
      </c>
    </row>
    <row r="10" spans="1:7">
      <c r="A10" s="74"/>
      <c r="B10" s="5">
        <v>6.8000000000000005E-2</v>
      </c>
      <c r="C10" s="5">
        <v>0.93200000000000005</v>
      </c>
      <c r="D10" s="5">
        <v>0.81899999999999995</v>
      </c>
      <c r="E10" s="5">
        <v>0.18099999999999999</v>
      </c>
      <c r="F10" s="5">
        <v>0.36699999999999999</v>
      </c>
      <c r="G10" s="5">
        <v>0.63300000000000001</v>
      </c>
    </row>
    <row r="11" spans="1:7" ht="14.25" customHeight="1">
      <c r="A11" s="58" t="s">
        <v>138</v>
      </c>
      <c r="B11" s="6">
        <v>45</v>
      </c>
      <c r="C11" s="6">
        <v>530</v>
      </c>
      <c r="D11" s="6">
        <v>481</v>
      </c>
      <c r="E11" s="6">
        <v>94</v>
      </c>
      <c r="F11" s="6">
        <v>187</v>
      </c>
      <c r="G11" s="6">
        <v>388</v>
      </c>
    </row>
    <row r="12" spans="1:7">
      <c r="A12" s="59"/>
      <c r="B12" s="5">
        <v>7.8E-2</v>
      </c>
      <c r="C12" s="5">
        <v>0.92200000000000004</v>
      </c>
      <c r="D12" s="5">
        <v>0.83699999999999997</v>
      </c>
      <c r="E12" s="5">
        <v>0.16300000000000001</v>
      </c>
      <c r="F12" s="5">
        <v>0.32500000000000001</v>
      </c>
      <c r="G12" s="5">
        <v>0.67500000000000004</v>
      </c>
    </row>
    <row r="13" spans="1:7">
      <c r="A13" s="73" t="s">
        <v>171</v>
      </c>
      <c r="B13" s="6">
        <v>0</v>
      </c>
      <c r="C13" s="6">
        <v>5</v>
      </c>
      <c r="D13" s="6">
        <v>4</v>
      </c>
      <c r="E13" s="6">
        <v>1</v>
      </c>
      <c r="F13" s="6">
        <v>3</v>
      </c>
      <c r="G13" s="6">
        <v>2</v>
      </c>
    </row>
    <row r="14" spans="1:7">
      <c r="A14" s="74"/>
      <c r="B14" s="5">
        <v>0</v>
      </c>
      <c r="C14" s="5">
        <v>1</v>
      </c>
      <c r="D14" s="5">
        <v>0.8</v>
      </c>
      <c r="E14" s="5">
        <v>0.2</v>
      </c>
      <c r="F14" s="5">
        <v>0.6</v>
      </c>
      <c r="G14" s="5">
        <v>0.4</v>
      </c>
    </row>
    <row r="15" spans="1:7">
      <c r="A15" s="73" t="s">
        <v>29</v>
      </c>
      <c r="B15" s="4">
        <v>183</v>
      </c>
      <c r="C15" s="4">
        <v>2133</v>
      </c>
      <c r="D15" s="4">
        <v>1855</v>
      </c>
      <c r="E15" s="4">
        <v>461</v>
      </c>
      <c r="F15" s="4">
        <v>757</v>
      </c>
      <c r="G15" s="4">
        <v>1559</v>
      </c>
    </row>
    <row r="16" spans="1:7">
      <c r="A16" s="74"/>
      <c r="B16" s="5">
        <v>7.9000000000000001E-2</v>
      </c>
      <c r="C16" s="5">
        <v>0.92100000000000004</v>
      </c>
      <c r="D16" s="5">
        <v>0.80100000000000005</v>
      </c>
      <c r="E16" s="5">
        <v>0.19900000000000001</v>
      </c>
      <c r="F16" s="5">
        <v>0.32700000000000001</v>
      </c>
      <c r="G16" s="5">
        <v>0.67300000000000004</v>
      </c>
    </row>
    <row r="17" spans="1:7">
      <c r="A17" s="33"/>
      <c r="B17" s="33"/>
      <c r="C17" s="33"/>
      <c r="D17" s="33"/>
      <c r="E17" s="33"/>
      <c r="F17" s="33"/>
      <c r="G17" s="33"/>
    </row>
    <row r="18" spans="1:7" ht="30" customHeight="1">
      <c r="A18" s="78" t="s">
        <v>197</v>
      </c>
      <c r="B18" s="62" t="s">
        <v>243</v>
      </c>
      <c r="C18" s="63"/>
      <c r="D18" s="62" t="s">
        <v>244</v>
      </c>
      <c r="E18" s="63"/>
      <c r="F18" s="62" t="s">
        <v>245</v>
      </c>
      <c r="G18" s="64"/>
    </row>
    <row r="19" spans="1:7">
      <c r="A19" s="78"/>
      <c r="B19" s="8" t="s">
        <v>190</v>
      </c>
      <c r="C19" s="8" t="s">
        <v>191</v>
      </c>
      <c r="D19" s="8" t="s">
        <v>190</v>
      </c>
      <c r="E19" s="8" t="s">
        <v>191</v>
      </c>
      <c r="F19" s="8" t="s">
        <v>190</v>
      </c>
      <c r="G19" s="8" t="s">
        <v>191</v>
      </c>
    </row>
    <row r="20" spans="1:7">
      <c r="A20" s="73" t="s">
        <v>135</v>
      </c>
      <c r="B20" s="4">
        <v>465</v>
      </c>
      <c r="C20" s="4">
        <v>275</v>
      </c>
      <c r="D20" s="4">
        <v>18</v>
      </c>
      <c r="E20" s="4">
        <v>722</v>
      </c>
      <c r="F20" s="4">
        <v>38</v>
      </c>
      <c r="G20" s="4">
        <v>702</v>
      </c>
    </row>
    <row r="21" spans="1:7">
      <c r="A21" s="77"/>
      <c r="B21" s="5">
        <v>0.628</v>
      </c>
      <c r="C21" s="5">
        <v>0.372</v>
      </c>
      <c r="D21" s="5">
        <v>2.4E-2</v>
      </c>
      <c r="E21" s="5">
        <v>0.97599999999999998</v>
      </c>
      <c r="F21" s="5">
        <v>5.0999999999999997E-2</v>
      </c>
      <c r="G21" s="5">
        <v>0.94899999999999995</v>
      </c>
    </row>
    <row r="22" spans="1:7">
      <c r="A22" s="73" t="s">
        <v>136</v>
      </c>
      <c r="B22" s="6">
        <v>467</v>
      </c>
      <c r="C22" s="6">
        <v>248</v>
      </c>
      <c r="D22" s="4">
        <v>15</v>
      </c>
      <c r="E22" s="6">
        <v>700</v>
      </c>
      <c r="F22" s="6">
        <v>34</v>
      </c>
      <c r="G22" s="6">
        <v>681</v>
      </c>
    </row>
    <row r="23" spans="1:7">
      <c r="A23" s="74"/>
      <c r="B23" s="5">
        <v>0.65300000000000002</v>
      </c>
      <c r="C23" s="5">
        <v>0.34699999999999998</v>
      </c>
      <c r="D23" s="5">
        <v>2.1000000000000001E-2</v>
      </c>
      <c r="E23" s="5">
        <v>0.97899999999999998</v>
      </c>
      <c r="F23" s="5">
        <v>4.8000000000000001E-2</v>
      </c>
      <c r="G23" s="5">
        <v>0.95199999999999996</v>
      </c>
    </row>
    <row r="24" spans="1:7">
      <c r="A24" s="73" t="s">
        <v>137</v>
      </c>
      <c r="B24" s="6">
        <v>188</v>
      </c>
      <c r="C24" s="6">
        <v>93</v>
      </c>
      <c r="D24" s="6">
        <v>13</v>
      </c>
      <c r="E24" s="6">
        <v>268</v>
      </c>
      <c r="F24" s="6">
        <v>9</v>
      </c>
      <c r="G24" s="6">
        <v>272</v>
      </c>
    </row>
    <row r="25" spans="1:7">
      <c r="A25" s="74"/>
      <c r="B25" s="5">
        <v>0.66900000000000004</v>
      </c>
      <c r="C25" s="5">
        <v>0.33100000000000002</v>
      </c>
      <c r="D25" s="5">
        <v>4.5999999999999999E-2</v>
      </c>
      <c r="E25" s="5">
        <v>0.95399999999999996</v>
      </c>
      <c r="F25" s="5">
        <v>3.2000000000000001E-2</v>
      </c>
      <c r="G25" s="5">
        <v>0.96799999999999997</v>
      </c>
    </row>
    <row r="26" spans="1:7" ht="14.25" customHeight="1">
      <c r="A26" s="58" t="s">
        <v>138</v>
      </c>
      <c r="B26" s="6">
        <v>405</v>
      </c>
      <c r="C26" s="6">
        <v>170</v>
      </c>
      <c r="D26" s="6">
        <v>18</v>
      </c>
      <c r="E26" s="6">
        <v>557</v>
      </c>
      <c r="F26" s="6">
        <v>11</v>
      </c>
      <c r="G26" s="6">
        <v>564</v>
      </c>
    </row>
    <row r="27" spans="1:7">
      <c r="A27" s="59"/>
      <c r="B27" s="5">
        <v>0.70399999999999996</v>
      </c>
      <c r="C27" s="5">
        <v>0.29599999999999999</v>
      </c>
      <c r="D27" s="5">
        <v>3.1E-2</v>
      </c>
      <c r="E27" s="5">
        <v>0.96899999999999997</v>
      </c>
      <c r="F27" s="5">
        <v>1.9E-2</v>
      </c>
      <c r="G27" s="5">
        <v>0.98099999999999998</v>
      </c>
    </row>
    <row r="28" spans="1:7">
      <c r="A28" s="73" t="s">
        <v>171</v>
      </c>
      <c r="B28" s="6">
        <v>3</v>
      </c>
      <c r="C28" s="6">
        <v>2</v>
      </c>
      <c r="D28" s="6">
        <v>1</v>
      </c>
      <c r="E28" s="6">
        <v>4</v>
      </c>
      <c r="F28" s="6">
        <v>1</v>
      </c>
      <c r="G28" s="6">
        <v>4</v>
      </c>
    </row>
    <row r="29" spans="1:7">
      <c r="A29" s="74"/>
      <c r="B29" s="5">
        <v>0.6</v>
      </c>
      <c r="C29" s="5">
        <v>0.4</v>
      </c>
      <c r="D29" s="5">
        <v>0.2</v>
      </c>
      <c r="E29" s="5">
        <v>0.8</v>
      </c>
      <c r="F29" s="5">
        <v>0.2</v>
      </c>
      <c r="G29" s="5">
        <v>0.8</v>
      </c>
    </row>
    <row r="30" spans="1:7">
      <c r="A30" s="73" t="s">
        <v>29</v>
      </c>
      <c r="B30" s="4">
        <v>1528</v>
      </c>
      <c r="C30" s="4">
        <v>788</v>
      </c>
      <c r="D30" s="4">
        <v>65</v>
      </c>
      <c r="E30" s="4">
        <v>2251</v>
      </c>
      <c r="F30" s="4">
        <v>93</v>
      </c>
      <c r="G30" s="4">
        <v>2223</v>
      </c>
    </row>
    <row r="31" spans="1:7">
      <c r="A31" s="74"/>
      <c r="B31" s="5">
        <v>0.66</v>
      </c>
      <c r="C31" s="5">
        <v>0.34</v>
      </c>
      <c r="D31" s="5">
        <v>2.8000000000000001E-2</v>
      </c>
      <c r="E31" s="5">
        <v>0.97199999999999998</v>
      </c>
      <c r="F31" s="5">
        <v>0.04</v>
      </c>
      <c r="G31" s="5">
        <v>0.96</v>
      </c>
    </row>
    <row r="33" spans="1:7" ht="44.25" customHeight="1">
      <c r="A33" s="78" t="s">
        <v>197</v>
      </c>
      <c r="B33" s="62" t="s">
        <v>246</v>
      </c>
      <c r="C33" s="64"/>
      <c r="D33" s="62" t="s">
        <v>247</v>
      </c>
      <c r="E33" s="64"/>
      <c r="F33" s="62" t="s">
        <v>248</v>
      </c>
      <c r="G33" s="64"/>
    </row>
    <row r="34" spans="1:7">
      <c r="A34" s="78"/>
      <c r="B34" s="8" t="s">
        <v>190</v>
      </c>
      <c r="C34" s="8" t="s">
        <v>191</v>
      </c>
      <c r="D34" s="8" t="s">
        <v>190</v>
      </c>
      <c r="E34" s="8" t="s">
        <v>191</v>
      </c>
      <c r="F34" s="8" t="s">
        <v>190</v>
      </c>
      <c r="G34" s="8" t="s">
        <v>191</v>
      </c>
    </row>
    <row r="35" spans="1:7">
      <c r="A35" s="73" t="s">
        <v>135</v>
      </c>
      <c r="B35" s="4">
        <v>38</v>
      </c>
      <c r="C35" s="4">
        <v>702</v>
      </c>
      <c r="D35" s="4">
        <v>2</v>
      </c>
      <c r="E35" s="4">
        <v>738</v>
      </c>
      <c r="F35" s="4">
        <v>20</v>
      </c>
      <c r="G35" s="4">
        <v>720</v>
      </c>
    </row>
    <row r="36" spans="1:7">
      <c r="A36" s="77"/>
      <c r="B36" s="5">
        <v>5.0999999999999997E-2</v>
      </c>
      <c r="C36" s="5">
        <v>0.94899999999999995</v>
      </c>
      <c r="D36" s="5">
        <v>3.0000000000000001E-3</v>
      </c>
      <c r="E36" s="5">
        <v>0.997</v>
      </c>
      <c r="F36" s="5">
        <v>2.7E-2</v>
      </c>
      <c r="G36" s="5">
        <v>0.97299999999999998</v>
      </c>
    </row>
    <row r="37" spans="1:7">
      <c r="A37" s="73" t="s">
        <v>136</v>
      </c>
      <c r="B37" s="6">
        <v>38</v>
      </c>
      <c r="C37" s="6">
        <v>677</v>
      </c>
      <c r="D37" s="6">
        <v>3</v>
      </c>
      <c r="E37" s="6">
        <v>712</v>
      </c>
      <c r="F37" s="6">
        <v>10</v>
      </c>
      <c r="G37" s="6">
        <v>705</v>
      </c>
    </row>
    <row r="38" spans="1:7">
      <c r="A38" s="74"/>
      <c r="B38" s="5">
        <v>5.2999999999999999E-2</v>
      </c>
      <c r="C38" s="5">
        <v>0.94699999999999995</v>
      </c>
      <c r="D38" s="5">
        <v>4.0000000000000001E-3</v>
      </c>
      <c r="E38" s="5">
        <v>0.996</v>
      </c>
      <c r="F38" s="5">
        <v>1.4E-2</v>
      </c>
      <c r="G38" s="5">
        <v>0.98599999999999999</v>
      </c>
    </row>
    <row r="39" spans="1:7">
      <c r="A39" s="73" t="s">
        <v>137</v>
      </c>
      <c r="B39" s="6">
        <v>9</v>
      </c>
      <c r="C39" s="6">
        <v>272</v>
      </c>
      <c r="D39" s="6">
        <v>0</v>
      </c>
      <c r="E39" s="6">
        <v>281</v>
      </c>
      <c r="F39" s="6">
        <v>4</v>
      </c>
      <c r="G39" s="6">
        <v>277</v>
      </c>
    </row>
    <row r="40" spans="1:7">
      <c r="A40" s="74"/>
      <c r="B40" s="5">
        <v>3.2000000000000001E-2</v>
      </c>
      <c r="C40" s="5">
        <v>0.96799999999999997</v>
      </c>
      <c r="D40" s="5">
        <v>0</v>
      </c>
      <c r="E40" s="5">
        <v>1</v>
      </c>
      <c r="F40" s="5">
        <v>1.4E-2</v>
      </c>
      <c r="G40" s="5">
        <v>0.98599999999999999</v>
      </c>
    </row>
    <row r="41" spans="1:7">
      <c r="A41" s="58" t="s">
        <v>138</v>
      </c>
      <c r="B41" s="6">
        <v>29</v>
      </c>
      <c r="C41" s="6">
        <v>546</v>
      </c>
      <c r="D41" s="6">
        <v>1</v>
      </c>
      <c r="E41" s="6">
        <v>574</v>
      </c>
      <c r="F41" s="6">
        <v>10</v>
      </c>
      <c r="G41" s="6">
        <v>565</v>
      </c>
    </row>
    <row r="42" spans="1:7">
      <c r="A42" s="59"/>
      <c r="B42" s="5">
        <v>0.05</v>
      </c>
      <c r="C42" s="5">
        <v>0.95</v>
      </c>
      <c r="D42" s="5">
        <v>2E-3</v>
      </c>
      <c r="E42" s="5">
        <v>0.998</v>
      </c>
      <c r="F42" s="5">
        <v>1.7000000000000001E-2</v>
      </c>
      <c r="G42" s="5">
        <v>0.98299999999999998</v>
      </c>
    </row>
    <row r="43" spans="1:7">
      <c r="A43" s="73" t="s">
        <v>171</v>
      </c>
      <c r="B43" s="6">
        <v>0</v>
      </c>
      <c r="C43" s="6">
        <v>5</v>
      </c>
      <c r="D43" s="6">
        <v>0</v>
      </c>
      <c r="E43" s="6">
        <v>5</v>
      </c>
      <c r="F43" s="6">
        <v>0</v>
      </c>
      <c r="G43" s="6">
        <v>5</v>
      </c>
    </row>
    <row r="44" spans="1:7">
      <c r="A44" s="74"/>
      <c r="B44" s="5">
        <v>0</v>
      </c>
      <c r="C44" s="5">
        <v>1</v>
      </c>
      <c r="D44" s="5">
        <v>0</v>
      </c>
      <c r="E44" s="5">
        <v>1</v>
      </c>
      <c r="F44" s="5">
        <v>0</v>
      </c>
      <c r="G44" s="5">
        <v>1</v>
      </c>
    </row>
    <row r="45" spans="1:7">
      <c r="A45" s="73" t="s">
        <v>29</v>
      </c>
      <c r="B45" s="4">
        <v>114</v>
      </c>
      <c r="C45" s="4">
        <v>2202</v>
      </c>
      <c r="D45" s="4">
        <v>6</v>
      </c>
      <c r="E45" s="4">
        <v>2310</v>
      </c>
      <c r="F45" s="4">
        <v>44</v>
      </c>
      <c r="G45" s="4">
        <v>2272</v>
      </c>
    </row>
    <row r="46" spans="1:7">
      <c r="A46" s="74"/>
      <c r="B46" s="5">
        <v>4.9000000000000002E-2</v>
      </c>
      <c r="C46" s="5">
        <v>0.95099999999999996</v>
      </c>
      <c r="D46" s="5">
        <v>3.0000000000000001E-3</v>
      </c>
      <c r="E46" s="5">
        <v>0.997</v>
      </c>
      <c r="F46" s="5">
        <v>1.9E-2</v>
      </c>
      <c r="G46" s="5">
        <v>0.98099999999999998</v>
      </c>
    </row>
    <row r="47" spans="1:7">
      <c r="A47" s="55" t="s">
        <v>631</v>
      </c>
      <c r="B47" s="55"/>
      <c r="C47" s="55"/>
      <c r="D47" s="55"/>
      <c r="E47" s="55"/>
      <c r="F47" s="55"/>
      <c r="G47" s="55"/>
    </row>
    <row r="48" spans="1:7">
      <c r="A48" s="55"/>
      <c r="B48" s="55"/>
      <c r="C48" s="55"/>
      <c r="D48" s="55"/>
      <c r="E48" s="55"/>
      <c r="F48" s="55"/>
      <c r="G48" s="55"/>
    </row>
  </sheetData>
  <mergeCells count="31">
    <mergeCell ref="A7:A8"/>
    <mergeCell ref="A9:A10"/>
    <mergeCell ref="A11:A12"/>
    <mergeCell ref="A13:A14"/>
    <mergeCell ref="A15:A16"/>
    <mergeCell ref="A3:A4"/>
    <mergeCell ref="B3:C3"/>
    <mergeCell ref="D3:E3"/>
    <mergeCell ref="F3:G3"/>
    <mergeCell ref="A5:A6"/>
    <mergeCell ref="A33:A34"/>
    <mergeCell ref="B33:C33"/>
    <mergeCell ref="D33:E33"/>
    <mergeCell ref="F33:G33"/>
    <mergeCell ref="A18:A19"/>
    <mergeCell ref="A20:A21"/>
    <mergeCell ref="A22:A23"/>
    <mergeCell ref="F18:G18"/>
    <mergeCell ref="A30:A31"/>
    <mergeCell ref="A24:A25"/>
    <mergeCell ref="A26:A27"/>
    <mergeCell ref="A28:A29"/>
    <mergeCell ref="B18:C18"/>
    <mergeCell ref="D18:E18"/>
    <mergeCell ref="A45:A46"/>
    <mergeCell ref="A47:G48"/>
    <mergeCell ref="A35:A36"/>
    <mergeCell ref="A37:A38"/>
    <mergeCell ref="A39:A40"/>
    <mergeCell ref="A41:A42"/>
    <mergeCell ref="A43:A4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9"/>
  <dimension ref="A1:N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4">
      <c r="A1" s="1" t="s">
        <v>662</v>
      </c>
    </row>
    <row r="2" spans="1:14" ht="14.25" customHeight="1">
      <c r="A2" s="41" t="s">
        <v>812</v>
      </c>
      <c r="C2" s="7"/>
      <c r="D2" s="7"/>
      <c r="E2" s="7"/>
    </row>
    <row r="3" spans="1:14" ht="14.25" customHeight="1">
      <c r="A3" s="78" t="s">
        <v>197</v>
      </c>
      <c r="B3" s="53" t="s">
        <v>122</v>
      </c>
      <c r="C3" s="53"/>
      <c r="D3" s="53"/>
      <c r="E3" s="53"/>
      <c r="F3" s="2"/>
    </row>
    <row r="4" spans="1:14" ht="29.25" customHeight="1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14">
      <c r="A5" s="73" t="s">
        <v>135</v>
      </c>
      <c r="B5" s="4">
        <v>632</v>
      </c>
      <c r="C5" s="4">
        <v>573</v>
      </c>
      <c r="D5" s="4">
        <v>5</v>
      </c>
      <c r="E5" s="4">
        <v>1210</v>
      </c>
    </row>
    <row r="6" spans="1:14">
      <c r="A6" s="77"/>
      <c r="B6" s="5">
        <v>0.52200000000000002</v>
      </c>
      <c r="C6" s="5">
        <v>0.47399999999999998</v>
      </c>
      <c r="D6" s="5">
        <v>4.0000000000000001E-3</v>
      </c>
      <c r="E6" s="5">
        <v>1</v>
      </c>
      <c r="K6" s="9"/>
      <c r="L6" s="9"/>
      <c r="M6" s="9"/>
      <c r="N6" s="9"/>
    </row>
    <row r="7" spans="1:14">
      <c r="A7" s="73" t="s">
        <v>136</v>
      </c>
      <c r="B7" s="6">
        <v>626</v>
      </c>
      <c r="C7" s="6">
        <v>530</v>
      </c>
      <c r="D7" s="6">
        <v>4</v>
      </c>
      <c r="E7" s="4">
        <v>1160</v>
      </c>
    </row>
    <row r="8" spans="1:14">
      <c r="A8" s="74"/>
      <c r="B8" s="5">
        <v>0.54</v>
      </c>
      <c r="C8" s="5">
        <v>0.45700000000000002</v>
      </c>
      <c r="D8" s="5">
        <v>3.0000000000000001E-3</v>
      </c>
      <c r="E8" s="5">
        <v>1</v>
      </c>
      <c r="J8" s="9"/>
      <c r="K8" s="9"/>
      <c r="L8" s="9"/>
      <c r="M8" s="9"/>
      <c r="N8" s="9"/>
    </row>
    <row r="9" spans="1:14">
      <c r="A9" s="73" t="s">
        <v>137</v>
      </c>
      <c r="B9" s="6">
        <v>249</v>
      </c>
      <c r="C9" s="6">
        <v>182</v>
      </c>
      <c r="D9" s="6">
        <v>2</v>
      </c>
      <c r="E9" s="6">
        <v>433</v>
      </c>
    </row>
    <row r="10" spans="1:14">
      <c r="A10" s="74"/>
      <c r="B10" s="5">
        <v>0.57499999999999996</v>
      </c>
      <c r="C10" s="5">
        <v>0.42</v>
      </c>
      <c r="D10" s="5">
        <v>5.0000000000000001E-3</v>
      </c>
      <c r="E10" s="5">
        <v>1</v>
      </c>
      <c r="J10" s="9"/>
      <c r="K10" s="9"/>
      <c r="L10" s="9"/>
      <c r="M10" s="9"/>
      <c r="N10" s="9"/>
    </row>
    <row r="11" spans="1:14" ht="14.25" customHeight="1">
      <c r="A11" s="58" t="s">
        <v>138</v>
      </c>
      <c r="B11" s="6">
        <v>518</v>
      </c>
      <c r="C11" s="6">
        <v>354</v>
      </c>
      <c r="D11" s="6">
        <v>2</v>
      </c>
      <c r="E11" s="6">
        <v>874</v>
      </c>
    </row>
    <row r="12" spans="1:14">
      <c r="A12" s="59"/>
      <c r="B12" s="5">
        <v>0.59299999999999997</v>
      </c>
      <c r="C12" s="5">
        <v>0.40500000000000003</v>
      </c>
      <c r="D12" s="5">
        <v>2E-3</v>
      </c>
      <c r="E12" s="5">
        <v>1</v>
      </c>
      <c r="J12" s="9"/>
      <c r="K12" s="9"/>
      <c r="L12" s="9"/>
      <c r="M12" s="9"/>
      <c r="N12" s="9"/>
    </row>
    <row r="13" spans="1:14">
      <c r="A13" s="73" t="s">
        <v>171</v>
      </c>
      <c r="B13" s="6">
        <v>5</v>
      </c>
      <c r="C13" s="6">
        <v>1</v>
      </c>
      <c r="D13" s="6">
        <v>2</v>
      </c>
      <c r="E13" s="6">
        <v>8</v>
      </c>
    </row>
    <row r="14" spans="1:14">
      <c r="A14" s="74"/>
      <c r="B14" s="5">
        <v>0.625</v>
      </c>
      <c r="C14" s="5">
        <v>0.125</v>
      </c>
      <c r="D14" s="5">
        <v>0.25</v>
      </c>
      <c r="E14" s="5">
        <v>1</v>
      </c>
      <c r="J14" s="9"/>
      <c r="K14" s="9"/>
      <c r="L14" s="9"/>
      <c r="M14" s="9"/>
      <c r="N14" s="9"/>
    </row>
    <row r="15" spans="1:14">
      <c r="A15" s="56" t="s">
        <v>29</v>
      </c>
      <c r="B15" s="4">
        <v>2030</v>
      </c>
      <c r="C15" s="4">
        <v>1640</v>
      </c>
      <c r="D15" s="4">
        <v>15</v>
      </c>
      <c r="E15" s="4">
        <v>3685</v>
      </c>
    </row>
    <row r="16" spans="1:14">
      <c r="A16" s="57"/>
      <c r="B16" s="5">
        <v>0.55100000000000005</v>
      </c>
      <c r="C16" s="5">
        <v>0.44500000000000001</v>
      </c>
      <c r="D16" s="5">
        <v>4.0000000000000001E-3</v>
      </c>
      <c r="E16" s="5">
        <v>1</v>
      </c>
      <c r="J16" s="9"/>
      <c r="K16" s="9"/>
      <c r="L16" s="9"/>
      <c r="M16" s="9"/>
      <c r="N16" s="9"/>
    </row>
    <row r="17" spans="1:13">
      <c r="A17" s="54" t="s">
        <v>123</v>
      </c>
      <c r="B17" s="54"/>
      <c r="C17" s="54"/>
      <c r="D17" s="54"/>
      <c r="E17" s="54"/>
    </row>
    <row r="18" spans="1:13">
      <c r="A18" s="55"/>
      <c r="B18" s="55"/>
      <c r="C18" s="55"/>
      <c r="D18" s="55"/>
      <c r="E18" s="55"/>
      <c r="J18" s="9"/>
      <c r="K18" s="9"/>
      <c r="L18" s="9"/>
      <c r="M18" s="9"/>
    </row>
    <row r="20" spans="1:13"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0"/>
  <dimension ref="A1:F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63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197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135</v>
      </c>
      <c r="B5" s="4">
        <v>443</v>
      </c>
      <c r="C5" s="4">
        <v>156</v>
      </c>
      <c r="D5" s="4">
        <v>33</v>
      </c>
      <c r="E5" s="4">
        <v>632</v>
      </c>
    </row>
    <row r="6" spans="1:6">
      <c r="A6" s="77"/>
      <c r="B6" s="5">
        <v>0.70099999999999996</v>
      </c>
      <c r="C6" s="5">
        <v>0.247</v>
      </c>
      <c r="D6" s="5">
        <v>5.1999999999999998E-2</v>
      </c>
      <c r="E6" s="5">
        <v>1</v>
      </c>
    </row>
    <row r="7" spans="1:6">
      <c r="A7" s="73" t="s">
        <v>136</v>
      </c>
      <c r="B7" s="6">
        <v>433</v>
      </c>
      <c r="C7" s="6">
        <v>153</v>
      </c>
      <c r="D7" s="6">
        <v>40</v>
      </c>
      <c r="E7" s="4">
        <v>626</v>
      </c>
    </row>
    <row r="8" spans="1:6">
      <c r="A8" s="74"/>
      <c r="B8" s="5">
        <v>0.69199999999999995</v>
      </c>
      <c r="C8" s="5">
        <v>0.24399999999999999</v>
      </c>
      <c r="D8" s="5">
        <v>6.4000000000000001E-2</v>
      </c>
      <c r="E8" s="5">
        <v>1</v>
      </c>
    </row>
    <row r="9" spans="1:6">
      <c r="A9" s="73" t="s">
        <v>137</v>
      </c>
      <c r="B9" s="6">
        <v>185</v>
      </c>
      <c r="C9" s="6">
        <v>42</v>
      </c>
      <c r="D9" s="6">
        <v>22</v>
      </c>
      <c r="E9" s="6">
        <v>249</v>
      </c>
    </row>
    <row r="10" spans="1:6">
      <c r="A10" s="74"/>
      <c r="B10" s="5">
        <v>0.74299999999999999</v>
      </c>
      <c r="C10" s="5">
        <v>0.16900000000000001</v>
      </c>
      <c r="D10" s="5">
        <v>8.7999999999999995E-2</v>
      </c>
      <c r="E10" s="5">
        <v>1</v>
      </c>
    </row>
    <row r="11" spans="1:6" ht="14.25" customHeight="1">
      <c r="A11" s="58" t="s">
        <v>138</v>
      </c>
      <c r="B11" s="6">
        <v>378</v>
      </c>
      <c r="C11" s="6">
        <v>110</v>
      </c>
      <c r="D11" s="6">
        <v>30</v>
      </c>
      <c r="E11" s="6">
        <v>518</v>
      </c>
    </row>
    <row r="12" spans="1:6">
      <c r="A12" s="59"/>
      <c r="B12" s="5">
        <v>0.73</v>
      </c>
      <c r="C12" s="5">
        <v>0.21199999999999999</v>
      </c>
      <c r="D12" s="5">
        <v>5.8000000000000003E-2</v>
      </c>
      <c r="E12" s="5">
        <v>1</v>
      </c>
    </row>
    <row r="13" spans="1:6">
      <c r="A13" s="56" t="s">
        <v>171</v>
      </c>
      <c r="B13" s="6">
        <v>5</v>
      </c>
      <c r="C13" s="6">
        <v>0</v>
      </c>
      <c r="D13" s="6">
        <v>0</v>
      </c>
      <c r="E13" s="6">
        <v>5</v>
      </c>
    </row>
    <row r="14" spans="1:6">
      <c r="A14" s="57"/>
      <c r="B14" s="5">
        <v>1</v>
      </c>
      <c r="C14" s="5">
        <v>0</v>
      </c>
      <c r="D14" s="5">
        <v>0</v>
      </c>
      <c r="E14" s="5">
        <v>1</v>
      </c>
    </row>
    <row r="15" spans="1:6">
      <c r="A15" s="56" t="s">
        <v>29</v>
      </c>
      <c r="B15" s="4">
        <v>1444</v>
      </c>
      <c r="C15" s="4">
        <v>461</v>
      </c>
      <c r="D15" s="4">
        <v>125</v>
      </c>
      <c r="E15" s="4">
        <v>2030</v>
      </c>
    </row>
    <row r="16" spans="1:6">
      <c r="A16" s="57"/>
      <c r="B16" s="5">
        <v>0.71099999999999997</v>
      </c>
      <c r="C16" s="5">
        <v>0.22700000000000001</v>
      </c>
      <c r="D16" s="5">
        <v>6.2E-2</v>
      </c>
      <c r="E16" s="5">
        <v>1</v>
      </c>
    </row>
    <row r="17" spans="1:5">
      <c r="A17" s="54" t="s">
        <v>125</v>
      </c>
      <c r="B17" s="54"/>
      <c r="C17" s="54"/>
      <c r="D17" s="54"/>
      <c r="E17" s="54"/>
    </row>
    <row r="18" spans="1:5">
      <c r="A18" s="55"/>
      <c r="B18" s="55"/>
      <c r="C18" s="55"/>
      <c r="D18" s="55"/>
      <c r="E18" s="55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1"/>
  <dimension ref="A1:H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664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197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73" t="s">
        <v>135</v>
      </c>
      <c r="B5" s="4">
        <v>230</v>
      </c>
      <c r="C5" s="4">
        <v>428</v>
      </c>
      <c r="D5" s="4">
        <v>322</v>
      </c>
      <c r="E5" s="4">
        <v>183</v>
      </c>
      <c r="F5" s="4">
        <v>47</v>
      </c>
      <c r="G5" s="4">
        <v>1210</v>
      </c>
    </row>
    <row r="6" spans="1:8">
      <c r="A6" s="77"/>
      <c r="B6" s="5">
        <v>0.19</v>
      </c>
      <c r="C6" s="5">
        <v>0.35399999999999998</v>
      </c>
      <c r="D6" s="5">
        <v>0.26600000000000001</v>
      </c>
      <c r="E6" s="5">
        <v>0.151</v>
      </c>
      <c r="F6" s="5">
        <v>3.9E-2</v>
      </c>
      <c r="G6" s="5">
        <v>1</v>
      </c>
    </row>
    <row r="7" spans="1:8">
      <c r="A7" s="73" t="s">
        <v>136</v>
      </c>
      <c r="B7" s="6">
        <v>180</v>
      </c>
      <c r="C7" s="6">
        <v>399</v>
      </c>
      <c r="D7" s="6">
        <v>350</v>
      </c>
      <c r="E7" s="6">
        <v>192</v>
      </c>
      <c r="F7" s="6">
        <v>39</v>
      </c>
      <c r="G7" s="4">
        <v>1160</v>
      </c>
    </row>
    <row r="8" spans="1:8">
      <c r="A8" s="74"/>
      <c r="B8" s="5">
        <v>0.155</v>
      </c>
      <c r="C8" s="5">
        <v>0.34399999999999997</v>
      </c>
      <c r="D8" s="5">
        <v>0.30199999999999999</v>
      </c>
      <c r="E8" s="5">
        <v>0.16600000000000001</v>
      </c>
      <c r="F8" s="5">
        <v>3.4000000000000002E-2</v>
      </c>
      <c r="G8" s="5">
        <v>1</v>
      </c>
    </row>
    <row r="9" spans="1:8">
      <c r="A9" s="73" t="s">
        <v>137</v>
      </c>
      <c r="B9" s="6">
        <v>58</v>
      </c>
      <c r="C9" s="6">
        <v>145</v>
      </c>
      <c r="D9" s="6">
        <v>141</v>
      </c>
      <c r="E9" s="6">
        <v>74</v>
      </c>
      <c r="F9" s="6">
        <v>15</v>
      </c>
      <c r="G9" s="6">
        <v>433</v>
      </c>
    </row>
    <row r="10" spans="1:8">
      <c r="A10" s="74"/>
      <c r="B10" s="5">
        <v>0.13400000000000001</v>
      </c>
      <c r="C10" s="5">
        <v>0.33500000000000002</v>
      </c>
      <c r="D10" s="5">
        <v>0.32600000000000001</v>
      </c>
      <c r="E10" s="5">
        <v>0.17100000000000001</v>
      </c>
      <c r="F10" s="5">
        <v>3.5000000000000003E-2</v>
      </c>
      <c r="G10" s="5">
        <v>1</v>
      </c>
    </row>
    <row r="11" spans="1:8" ht="14.25" customHeight="1">
      <c r="A11" s="58" t="s">
        <v>138</v>
      </c>
      <c r="B11" s="6">
        <v>125</v>
      </c>
      <c r="C11" s="6">
        <v>284</v>
      </c>
      <c r="D11" s="6">
        <v>263</v>
      </c>
      <c r="E11" s="6">
        <v>182</v>
      </c>
      <c r="F11" s="6">
        <v>20</v>
      </c>
      <c r="G11" s="6">
        <v>874</v>
      </c>
    </row>
    <row r="12" spans="1:8">
      <c r="A12" s="59"/>
      <c r="B12" s="5">
        <v>0.14299999999999999</v>
      </c>
      <c r="C12" s="5">
        <v>0.32500000000000001</v>
      </c>
      <c r="D12" s="5">
        <v>0.30099999999999999</v>
      </c>
      <c r="E12" s="5">
        <v>0.20799999999999999</v>
      </c>
      <c r="F12" s="5">
        <v>2.3E-2</v>
      </c>
      <c r="G12" s="5">
        <v>1</v>
      </c>
    </row>
    <row r="13" spans="1:8">
      <c r="A13" s="56" t="s">
        <v>171</v>
      </c>
      <c r="B13" s="6">
        <v>1</v>
      </c>
      <c r="C13" s="6">
        <v>3</v>
      </c>
      <c r="D13" s="6">
        <v>2</v>
      </c>
      <c r="E13" s="6">
        <v>0</v>
      </c>
      <c r="F13" s="6">
        <v>2</v>
      </c>
      <c r="G13" s="6">
        <v>8</v>
      </c>
    </row>
    <row r="14" spans="1:8">
      <c r="A14" s="57"/>
      <c r="B14" s="5">
        <v>0.125</v>
      </c>
      <c r="C14" s="5">
        <v>0.375</v>
      </c>
      <c r="D14" s="5">
        <v>0.25</v>
      </c>
      <c r="E14" s="5">
        <v>0</v>
      </c>
      <c r="F14" s="5">
        <v>0.25</v>
      </c>
      <c r="G14" s="5">
        <v>1</v>
      </c>
    </row>
    <row r="15" spans="1:8">
      <c r="A15" s="56" t="s">
        <v>29</v>
      </c>
      <c r="B15" s="4">
        <v>594</v>
      </c>
      <c r="C15" s="4">
        <v>1259</v>
      </c>
      <c r="D15" s="4">
        <v>1078</v>
      </c>
      <c r="E15" s="4">
        <v>631</v>
      </c>
      <c r="F15" s="4">
        <v>123</v>
      </c>
      <c r="G15" s="4">
        <v>3685</v>
      </c>
    </row>
    <row r="16" spans="1:8">
      <c r="A16" s="57"/>
      <c r="B16" s="5">
        <v>0.161</v>
      </c>
      <c r="C16" s="5">
        <v>0.34200000000000003</v>
      </c>
      <c r="D16" s="5">
        <v>0.29299999999999998</v>
      </c>
      <c r="E16" s="5">
        <v>0.17100000000000001</v>
      </c>
      <c r="F16" s="5">
        <v>3.3000000000000002E-2</v>
      </c>
      <c r="G16" s="5">
        <v>1</v>
      </c>
    </row>
    <row r="17" spans="1:7">
      <c r="A17" s="54" t="s">
        <v>127</v>
      </c>
      <c r="B17" s="54"/>
      <c r="C17" s="54"/>
      <c r="D17" s="54"/>
      <c r="E17" s="54"/>
      <c r="F17" s="54"/>
      <c r="G17" s="54"/>
    </row>
    <row r="18" spans="1:7">
      <c r="A18" s="55"/>
      <c r="B18" s="55"/>
      <c r="C18" s="55"/>
      <c r="D18" s="55"/>
      <c r="E18" s="55"/>
      <c r="F18" s="55"/>
      <c r="G18" s="55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00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26</v>
      </c>
      <c r="B3" s="53" t="s">
        <v>120</v>
      </c>
      <c r="C3" s="53"/>
      <c r="D3" s="53"/>
      <c r="E3" s="53"/>
      <c r="F3" s="2"/>
    </row>
    <row r="4" spans="1:13">
      <c r="A4" s="60"/>
      <c r="B4" s="3" t="s">
        <v>153</v>
      </c>
      <c r="C4" s="3" t="s">
        <v>155</v>
      </c>
      <c r="D4" s="3" t="s">
        <v>27</v>
      </c>
      <c r="E4" s="3" t="s">
        <v>28</v>
      </c>
    </row>
    <row r="5" spans="1:13">
      <c r="A5" s="56" t="s">
        <v>30</v>
      </c>
      <c r="B5" s="4">
        <v>859</v>
      </c>
      <c r="C5" s="4">
        <v>541</v>
      </c>
      <c r="D5" s="4">
        <v>6</v>
      </c>
      <c r="E5" s="4">
        <v>1406</v>
      </c>
    </row>
    <row r="6" spans="1:13">
      <c r="A6" s="61"/>
      <c r="B6" s="5">
        <v>0.61099999999999999</v>
      </c>
      <c r="C6" s="5">
        <v>0.38500000000000001</v>
      </c>
      <c r="D6" s="5">
        <v>4.0000000000000001E-3</v>
      </c>
      <c r="E6" s="5">
        <v>1</v>
      </c>
    </row>
    <row r="7" spans="1:13">
      <c r="A7" s="56" t="s">
        <v>31</v>
      </c>
      <c r="B7" s="6">
        <v>512</v>
      </c>
      <c r="C7" s="6">
        <v>252</v>
      </c>
      <c r="D7" s="6">
        <v>1</v>
      </c>
      <c r="E7" s="4">
        <v>765</v>
      </c>
    </row>
    <row r="8" spans="1:13">
      <c r="A8" s="57"/>
      <c r="B8" s="5">
        <v>0.66900000000000004</v>
      </c>
      <c r="C8" s="5">
        <v>0.32900000000000001</v>
      </c>
      <c r="D8" s="5">
        <v>1E-3</v>
      </c>
      <c r="E8" s="5">
        <v>1</v>
      </c>
      <c r="J8" s="9"/>
      <c r="K8" s="9"/>
      <c r="L8" s="9"/>
      <c r="M8" s="9"/>
    </row>
    <row r="9" spans="1:13">
      <c r="A9" s="56" t="s">
        <v>32</v>
      </c>
      <c r="B9" s="6">
        <v>154</v>
      </c>
      <c r="C9" s="6">
        <v>86</v>
      </c>
      <c r="D9" s="6">
        <v>0</v>
      </c>
      <c r="E9" s="6">
        <v>240</v>
      </c>
    </row>
    <row r="10" spans="1:13">
      <c r="A10" s="57"/>
      <c r="B10" s="5">
        <v>0.64200000000000002</v>
      </c>
      <c r="C10" s="5">
        <v>0.35799999999999998</v>
      </c>
      <c r="D10" s="5">
        <v>0</v>
      </c>
      <c r="E10" s="5">
        <v>1</v>
      </c>
      <c r="J10" s="9"/>
      <c r="K10" s="9"/>
      <c r="L10" s="9"/>
      <c r="M10" s="9"/>
    </row>
    <row r="11" spans="1:13" ht="14.25" customHeight="1">
      <c r="A11" s="58" t="s">
        <v>38</v>
      </c>
      <c r="B11" s="6">
        <v>141</v>
      </c>
      <c r="C11" s="6">
        <v>56</v>
      </c>
      <c r="D11" s="6">
        <v>2</v>
      </c>
      <c r="E11" s="6">
        <v>199</v>
      </c>
    </row>
    <row r="12" spans="1:13">
      <c r="A12" s="59"/>
      <c r="B12" s="5">
        <v>0.70899999999999996</v>
      </c>
      <c r="C12" s="5">
        <v>0.28100000000000003</v>
      </c>
      <c r="D12" s="5">
        <v>0.01</v>
      </c>
      <c r="E12" s="5">
        <v>1</v>
      </c>
      <c r="J12" s="9"/>
      <c r="K12" s="9"/>
      <c r="L12" s="9"/>
      <c r="M12" s="9"/>
    </row>
    <row r="13" spans="1:13">
      <c r="A13" s="56" t="s">
        <v>33</v>
      </c>
      <c r="B13" s="6">
        <v>192</v>
      </c>
      <c r="C13" s="6">
        <v>97</v>
      </c>
      <c r="D13" s="6">
        <v>0</v>
      </c>
      <c r="E13" s="6">
        <v>289</v>
      </c>
    </row>
    <row r="14" spans="1:13">
      <c r="A14" s="57"/>
      <c r="B14" s="5">
        <v>0.66400000000000003</v>
      </c>
      <c r="C14" s="5">
        <v>0.33600000000000002</v>
      </c>
      <c r="D14" s="5">
        <v>0</v>
      </c>
      <c r="E14" s="5">
        <v>1</v>
      </c>
      <c r="J14" s="9"/>
      <c r="K14" s="9"/>
      <c r="L14" s="9"/>
      <c r="M14" s="9"/>
    </row>
    <row r="15" spans="1:13">
      <c r="A15" s="56" t="s">
        <v>34</v>
      </c>
      <c r="B15" s="6">
        <v>126</v>
      </c>
      <c r="C15" s="6">
        <v>126</v>
      </c>
      <c r="D15" s="6">
        <v>0</v>
      </c>
      <c r="E15" s="6">
        <v>252</v>
      </c>
    </row>
    <row r="16" spans="1:13">
      <c r="A16" s="57"/>
      <c r="B16" s="5">
        <v>0.5</v>
      </c>
      <c r="C16" s="5">
        <v>0.5</v>
      </c>
      <c r="D16" s="5">
        <v>0</v>
      </c>
      <c r="E16" s="5">
        <v>1</v>
      </c>
      <c r="J16" s="9"/>
      <c r="K16" s="9"/>
      <c r="L16" s="9"/>
      <c r="M16" s="9"/>
    </row>
    <row r="17" spans="1:13">
      <c r="A17" s="56" t="s">
        <v>35</v>
      </c>
      <c r="B17" s="6">
        <v>264</v>
      </c>
      <c r="C17" s="6">
        <v>111</v>
      </c>
      <c r="D17" s="6">
        <v>1</v>
      </c>
      <c r="E17" s="6">
        <v>376</v>
      </c>
    </row>
    <row r="18" spans="1:13">
      <c r="A18" s="57"/>
      <c r="B18" s="5">
        <v>0.70199999999999996</v>
      </c>
      <c r="C18" s="5">
        <v>0.29499999999999998</v>
      </c>
      <c r="D18" s="5">
        <v>3.0000000000000001E-3</v>
      </c>
      <c r="E18" s="5">
        <v>1</v>
      </c>
      <c r="J18" s="9"/>
      <c r="K18" s="9"/>
      <c r="L18" s="9"/>
      <c r="M18" s="9"/>
    </row>
    <row r="19" spans="1:13">
      <c r="A19" s="56" t="s">
        <v>36</v>
      </c>
      <c r="B19" s="6">
        <v>68</v>
      </c>
      <c r="C19" s="6">
        <v>90</v>
      </c>
      <c r="D19" s="6">
        <v>0</v>
      </c>
      <c r="E19" s="6">
        <v>158</v>
      </c>
    </row>
    <row r="20" spans="1:13">
      <c r="A20" s="57"/>
      <c r="B20" s="5">
        <v>0.43</v>
      </c>
      <c r="C20" s="5">
        <v>0.56999999999999995</v>
      </c>
      <c r="D20" s="5">
        <v>0</v>
      </c>
      <c r="E20" s="5">
        <v>1</v>
      </c>
      <c r="J20" s="9"/>
      <c r="K20" s="9"/>
      <c r="L20" s="9"/>
      <c r="M20" s="9"/>
    </row>
    <row r="21" spans="1:13">
      <c r="A21" s="56" t="s">
        <v>29</v>
      </c>
      <c r="B21" s="4">
        <v>2316</v>
      </c>
      <c r="C21" s="4">
        <v>1359</v>
      </c>
      <c r="D21" s="4">
        <v>10</v>
      </c>
      <c r="E21" s="4">
        <v>3685</v>
      </c>
    </row>
    <row r="22" spans="1:13">
      <c r="A22" s="57"/>
      <c r="B22" s="5">
        <v>0.628</v>
      </c>
      <c r="C22" s="5">
        <v>0.36899999999999999</v>
      </c>
      <c r="D22" s="5">
        <v>3.0000000000000001E-3</v>
      </c>
      <c r="E22" s="5">
        <v>1</v>
      </c>
      <c r="J22" s="9"/>
      <c r="K22" s="9"/>
      <c r="L22" s="9"/>
      <c r="M22" s="9"/>
    </row>
    <row r="23" spans="1:13">
      <c r="A23" s="54" t="s">
        <v>121</v>
      </c>
      <c r="B23" s="54"/>
      <c r="C23" s="54"/>
      <c r="D23" s="54"/>
      <c r="E23" s="54"/>
    </row>
    <row r="24" spans="1:13">
      <c r="A24" s="55"/>
      <c r="B24" s="55"/>
      <c r="C24" s="55"/>
      <c r="D24" s="55"/>
      <c r="E24" s="55"/>
      <c r="J24" s="9"/>
      <c r="K24" s="9"/>
      <c r="L24" s="9"/>
      <c r="M24" s="9"/>
    </row>
  </sheetData>
  <mergeCells count="12">
    <mergeCell ref="A23:E24"/>
    <mergeCell ref="A3:A4"/>
    <mergeCell ref="B3:E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2"/>
  <dimension ref="A1:O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65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197</v>
      </c>
      <c r="B3" s="53" t="s">
        <v>128</v>
      </c>
      <c r="C3" s="53"/>
      <c r="D3" s="53"/>
      <c r="E3" s="53"/>
      <c r="F3" s="53"/>
      <c r="G3" s="2"/>
    </row>
    <row r="4" spans="1:15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15">
      <c r="A5" s="73" t="s">
        <v>135</v>
      </c>
      <c r="B5" s="4">
        <v>77</v>
      </c>
      <c r="C5" s="4">
        <v>888</v>
      </c>
      <c r="D5" s="4">
        <v>243</v>
      </c>
      <c r="E5" s="4">
        <v>2</v>
      </c>
      <c r="F5" s="4">
        <v>1210</v>
      </c>
    </row>
    <row r="6" spans="1:15">
      <c r="A6" s="77"/>
      <c r="B6" s="5">
        <v>6.4000000000000001E-2</v>
      </c>
      <c r="C6" s="5">
        <v>0.73399999999999999</v>
      </c>
      <c r="D6" s="5">
        <v>0.20100000000000001</v>
      </c>
      <c r="E6" s="5">
        <v>2E-3</v>
      </c>
      <c r="F6" s="5">
        <v>1</v>
      </c>
      <c r="K6" s="9"/>
      <c r="L6" s="9"/>
      <c r="M6" s="9"/>
      <c r="N6" s="9"/>
      <c r="O6" s="9"/>
    </row>
    <row r="7" spans="1:15">
      <c r="A7" s="73" t="s">
        <v>136</v>
      </c>
      <c r="B7" s="6">
        <v>62</v>
      </c>
      <c r="C7" s="6">
        <v>888</v>
      </c>
      <c r="D7" s="6">
        <v>208</v>
      </c>
      <c r="E7" s="6">
        <v>2</v>
      </c>
      <c r="F7" s="4">
        <v>1160</v>
      </c>
    </row>
    <row r="8" spans="1:15">
      <c r="A8" s="74"/>
      <c r="B8" s="5">
        <v>5.2999999999999999E-2</v>
      </c>
      <c r="C8" s="5">
        <v>0.76600000000000001</v>
      </c>
      <c r="D8" s="5">
        <v>0.17899999999999999</v>
      </c>
      <c r="E8" s="5">
        <v>2E-3</v>
      </c>
      <c r="F8" s="5">
        <v>1</v>
      </c>
      <c r="K8" s="9"/>
      <c r="L8" s="9"/>
      <c r="M8" s="9"/>
      <c r="N8" s="9"/>
      <c r="O8" s="9"/>
    </row>
    <row r="9" spans="1:15">
      <c r="A9" s="73" t="s">
        <v>137</v>
      </c>
      <c r="B9" s="6">
        <v>26</v>
      </c>
      <c r="C9" s="6">
        <v>327</v>
      </c>
      <c r="D9" s="6">
        <v>80</v>
      </c>
      <c r="E9" s="6">
        <v>0</v>
      </c>
      <c r="F9" s="6">
        <v>433</v>
      </c>
    </row>
    <row r="10" spans="1:15">
      <c r="A10" s="74"/>
      <c r="B10" s="5">
        <v>0.06</v>
      </c>
      <c r="C10" s="5">
        <v>0.755</v>
      </c>
      <c r="D10" s="5">
        <v>0.185</v>
      </c>
      <c r="E10" s="5">
        <v>0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58" t="s">
        <v>138</v>
      </c>
      <c r="B11" s="6">
        <v>20</v>
      </c>
      <c r="C11" s="6">
        <v>713</v>
      </c>
      <c r="D11" s="6">
        <v>140</v>
      </c>
      <c r="E11" s="6">
        <v>1</v>
      </c>
      <c r="F11" s="6">
        <v>874</v>
      </c>
    </row>
    <row r="12" spans="1:15">
      <c r="A12" s="59"/>
      <c r="B12" s="5">
        <v>2.3E-2</v>
      </c>
      <c r="C12" s="5">
        <v>0.81599999999999995</v>
      </c>
      <c r="D12" s="5">
        <v>0.16</v>
      </c>
      <c r="E12" s="5">
        <v>1E-3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1</v>
      </c>
      <c r="C13" s="6">
        <v>5</v>
      </c>
      <c r="D13" s="6">
        <v>1</v>
      </c>
      <c r="E13" s="6">
        <v>1</v>
      </c>
      <c r="F13" s="6">
        <v>8</v>
      </c>
    </row>
    <row r="14" spans="1:15">
      <c r="A14" s="57"/>
      <c r="B14" s="5">
        <v>0.125</v>
      </c>
      <c r="C14" s="5">
        <v>0.625</v>
      </c>
      <c r="D14" s="5">
        <v>0.125</v>
      </c>
      <c r="E14" s="5">
        <v>0.125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186</v>
      </c>
      <c r="C15" s="4">
        <v>2821</v>
      </c>
      <c r="D15" s="4">
        <v>672</v>
      </c>
      <c r="E15" s="4">
        <v>6</v>
      </c>
      <c r="F15" s="4">
        <v>3685</v>
      </c>
    </row>
    <row r="16" spans="1:15">
      <c r="A16" s="57"/>
      <c r="B16" s="5">
        <v>0.05</v>
      </c>
      <c r="C16" s="5">
        <v>0.76600000000000001</v>
      </c>
      <c r="D16" s="5">
        <v>0.182</v>
      </c>
      <c r="E16" s="5">
        <v>2E-3</v>
      </c>
      <c r="F16" s="5">
        <v>1</v>
      </c>
      <c r="K16" s="9"/>
      <c r="L16" s="9"/>
      <c r="M16" s="9"/>
      <c r="N16" s="9"/>
      <c r="O16" s="9"/>
    </row>
    <row r="17" spans="1:6">
      <c r="A17" s="54" t="s">
        <v>129</v>
      </c>
      <c r="B17" s="54"/>
      <c r="C17" s="54"/>
      <c r="D17" s="54"/>
      <c r="E17" s="54"/>
      <c r="F17" s="54"/>
    </row>
    <row r="18" spans="1:6">
      <c r="A18" s="55"/>
      <c r="B18" s="55"/>
      <c r="C18" s="55"/>
      <c r="D18" s="55"/>
      <c r="E18" s="55"/>
      <c r="F18" s="55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3"/>
  <dimension ref="A1:H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666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197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73" t="s">
        <v>135</v>
      </c>
      <c r="B5" s="4">
        <v>51</v>
      </c>
      <c r="C5" s="4">
        <v>15</v>
      </c>
      <c r="D5" s="4">
        <v>5</v>
      </c>
      <c r="E5" s="4">
        <v>6</v>
      </c>
      <c r="F5" s="4">
        <v>0</v>
      </c>
      <c r="G5" s="4">
        <v>77</v>
      </c>
    </row>
    <row r="6" spans="1:8">
      <c r="A6" s="77"/>
      <c r="B6" s="5">
        <v>0.66200000000000003</v>
      </c>
      <c r="C6" s="5">
        <v>0.19500000000000001</v>
      </c>
      <c r="D6" s="5">
        <v>6.5000000000000002E-2</v>
      </c>
      <c r="E6" s="5">
        <v>7.8E-2</v>
      </c>
      <c r="F6" s="5">
        <v>0</v>
      </c>
      <c r="G6" s="5">
        <v>1</v>
      </c>
    </row>
    <row r="7" spans="1:8">
      <c r="A7" s="73" t="s">
        <v>136</v>
      </c>
      <c r="B7" s="6">
        <v>40</v>
      </c>
      <c r="C7" s="6">
        <v>12</v>
      </c>
      <c r="D7" s="6">
        <v>1</v>
      </c>
      <c r="E7" s="6">
        <v>5</v>
      </c>
      <c r="F7" s="6">
        <v>4</v>
      </c>
      <c r="G7" s="4">
        <v>62</v>
      </c>
    </row>
    <row r="8" spans="1:8">
      <c r="A8" s="74"/>
      <c r="B8" s="5">
        <v>0.64500000000000002</v>
      </c>
      <c r="C8" s="5">
        <v>0.19400000000000001</v>
      </c>
      <c r="D8" s="5">
        <v>1.6E-2</v>
      </c>
      <c r="E8" s="5">
        <v>8.1000000000000003E-2</v>
      </c>
      <c r="F8" s="5">
        <v>6.5000000000000002E-2</v>
      </c>
      <c r="G8" s="5">
        <v>1</v>
      </c>
    </row>
    <row r="9" spans="1:8">
      <c r="A9" s="73" t="s">
        <v>137</v>
      </c>
      <c r="B9" s="6">
        <v>16</v>
      </c>
      <c r="C9" s="6">
        <v>6</v>
      </c>
      <c r="D9" s="6">
        <v>1</v>
      </c>
      <c r="E9" s="6">
        <v>1</v>
      </c>
      <c r="F9" s="6">
        <v>2</v>
      </c>
      <c r="G9" s="6">
        <v>26</v>
      </c>
    </row>
    <row r="10" spans="1:8">
      <c r="A10" s="74"/>
      <c r="B10" s="5">
        <v>0.61499999999999999</v>
      </c>
      <c r="C10" s="5">
        <v>0.23100000000000001</v>
      </c>
      <c r="D10" s="5">
        <v>3.7999999999999999E-2</v>
      </c>
      <c r="E10" s="5">
        <v>3.7999999999999999E-2</v>
      </c>
      <c r="F10" s="5">
        <v>7.6999999999999999E-2</v>
      </c>
      <c r="G10" s="5">
        <v>1</v>
      </c>
    </row>
    <row r="11" spans="1:8" ht="14.25" customHeight="1">
      <c r="A11" s="58" t="s">
        <v>138</v>
      </c>
      <c r="B11" s="6">
        <v>12</v>
      </c>
      <c r="C11" s="6">
        <v>4</v>
      </c>
      <c r="D11" s="6">
        <v>3</v>
      </c>
      <c r="E11" s="6">
        <v>0</v>
      </c>
      <c r="F11" s="6">
        <v>1</v>
      </c>
      <c r="G11" s="6">
        <v>20</v>
      </c>
    </row>
    <row r="12" spans="1:8">
      <c r="A12" s="59"/>
      <c r="B12" s="5">
        <v>0.6</v>
      </c>
      <c r="C12" s="5">
        <v>0.2</v>
      </c>
      <c r="D12" s="5">
        <v>0.15</v>
      </c>
      <c r="E12" s="5">
        <v>0</v>
      </c>
      <c r="F12" s="5">
        <v>0.05</v>
      </c>
      <c r="G12" s="5">
        <v>1</v>
      </c>
    </row>
    <row r="13" spans="1:8">
      <c r="A13" s="56" t="s">
        <v>171</v>
      </c>
      <c r="B13" s="6">
        <v>1</v>
      </c>
      <c r="C13" s="6">
        <v>0</v>
      </c>
      <c r="D13" s="6">
        <v>0</v>
      </c>
      <c r="E13" s="6">
        <v>0</v>
      </c>
      <c r="F13" s="6">
        <v>0</v>
      </c>
      <c r="G13" s="6">
        <v>1</v>
      </c>
    </row>
    <row r="14" spans="1:8">
      <c r="A14" s="57"/>
      <c r="B14" s="5">
        <v>1</v>
      </c>
      <c r="C14" s="5">
        <v>0</v>
      </c>
      <c r="D14" s="5">
        <v>0</v>
      </c>
      <c r="E14" s="5">
        <v>0</v>
      </c>
      <c r="F14" s="5">
        <v>0</v>
      </c>
      <c r="G14" s="5">
        <v>1</v>
      </c>
    </row>
    <row r="15" spans="1:8">
      <c r="A15" s="56" t="s">
        <v>29</v>
      </c>
      <c r="B15" s="6">
        <v>120</v>
      </c>
      <c r="C15" s="6">
        <v>37</v>
      </c>
      <c r="D15" s="6">
        <v>10</v>
      </c>
      <c r="E15" s="6">
        <v>12</v>
      </c>
      <c r="F15" s="6">
        <v>7</v>
      </c>
      <c r="G15" s="6">
        <v>186</v>
      </c>
    </row>
    <row r="16" spans="1:8">
      <c r="A16" s="57"/>
      <c r="B16" s="5">
        <v>0.64500000000000002</v>
      </c>
      <c r="C16" s="5">
        <v>0.19900000000000001</v>
      </c>
      <c r="D16" s="5">
        <v>5.3999999999999999E-2</v>
      </c>
      <c r="E16" s="5">
        <v>6.5000000000000002E-2</v>
      </c>
      <c r="F16" s="5">
        <v>3.7999999999999999E-2</v>
      </c>
      <c r="G16" s="5">
        <v>1</v>
      </c>
    </row>
    <row r="17" spans="1:7">
      <c r="A17" s="54" t="s">
        <v>131</v>
      </c>
      <c r="B17" s="54"/>
      <c r="C17" s="54"/>
      <c r="D17" s="54"/>
      <c r="E17" s="54"/>
      <c r="F17" s="54"/>
      <c r="G17" s="54"/>
    </row>
    <row r="18" spans="1:7">
      <c r="A18" s="55"/>
      <c r="B18" s="55"/>
      <c r="C18" s="55"/>
      <c r="D18" s="55"/>
      <c r="E18" s="55"/>
      <c r="F18" s="55"/>
      <c r="G18" s="55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1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4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67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2</v>
      </c>
      <c r="B3" s="53" t="s">
        <v>104</v>
      </c>
      <c r="C3" s="53"/>
      <c r="D3" s="53"/>
      <c r="E3" s="53"/>
      <c r="F3" s="2"/>
    </row>
    <row r="4" spans="1:6">
      <c r="A4" s="78"/>
      <c r="B4" s="8" t="s">
        <v>142</v>
      </c>
      <c r="C4" s="8" t="s">
        <v>150</v>
      </c>
      <c r="D4" s="8" t="s">
        <v>42</v>
      </c>
      <c r="E4" s="8" t="s">
        <v>29</v>
      </c>
    </row>
    <row r="5" spans="1:6">
      <c r="A5" s="73" t="s">
        <v>203</v>
      </c>
      <c r="B5" s="4">
        <v>1514</v>
      </c>
      <c r="C5" s="4">
        <v>82</v>
      </c>
      <c r="D5" s="4">
        <v>77</v>
      </c>
      <c r="E5" s="4">
        <v>1673</v>
      </c>
    </row>
    <row r="6" spans="1:6">
      <c r="A6" s="77"/>
      <c r="B6" s="5">
        <v>0.90500000000000003</v>
      </c>
      <c r="C6" s="5">
        <v>4.9000000000000002E-2</v>
      </c>
      <c r="D6" s="5">
        <v>4.5999999999999999E-2</v>
      </c>
      <c r="E6" s="5">
        <v>1</v>
      </c>
    </row>
    <row r="7" spans="1:6">
      <c r="A7" s="73" t="s">
        <v>204</v>
      </c>
      <c r="B7" s="6">
        <v>0</v>
      </c>
      <c r="C7" s="6">
        <v>0</v>
      </c>
      <c r="D7" s="6">
        <v>0</v>
      </c>
      <c r="E7" s="4">
        <v>0</v>
      </c>
    </row>
    <row r="8" spans="1:6">
      <c r="A8" s="74"/>
      <c r="B8" s="5">
        <v>0</v>
      </c>
      <c r="C8" s="5">
        <v>0</v>
      </c>
      <c r="D8" s="5">
        <v>0</v>
      </c>
      <c r="E8" s="5">
        <v>0</v>
      </c>
    </row>
    <row r="9" spans="1:6">
      <c r="A9" s="73" t="s">
        <v>210</v>
      </c>
      <c r="B9" s="6">
        <v>0</v>
      </c>
      <c r="C9" s="6">
        <v>0</v>
      </c>
      <c r="D9" s="6">
        <v>0</v>
      </c>
      <c r="E9" s="6">
        <v>0</v>
      </c>
    </row>
    <row r="10" spans="1:6">
      <c r="A10" s="74"/>
      <c r="B10" s="5">
        <v>0</v>
      </c>
      <c r="C10" s="5">
        <v>0</v>
      </c>
      <c r="D10" s="5">
        <v>0</v>
      </c>
      <c r="E10" s="5">
        <v>0</v>
      </c>
    </row>
    <row r="11" spans="1:6" ht="14.25" customHeight="1">
      <c r="A11" s="73" t="s">
        <v>171</v>
      </c>
      <c r="B11" s="6">
        <v>0</v>
      </c>
      <c r="C11" s="6">
        <v>0</v>
      </c>
      <c r="D11" s="6">
        <v>0</v>
      </c>
      <c r="E11" s="6">
        <v>0</v>
      </c>
    </row>
    <row r="12" spans="1:6">
      <c r="A12" s="74"/>
      <c r="B12" s="5">
        <v>0</v>
      </c>
      <c r="C12" s="5">
        <v>0</v>
      </c>
      <c r="D12" s="5">
        <v>0</v>
      </c>
      <c r="E12" s="5">
        <v>0</v>
      </c>
    </row>
    <row r="13" spans="1:6">
      <c r="A13" s="56" t="s">
        <v>29</v>
      </c>
      <c r="B13" s="4">
        <v>1514</v>
      </c>
      <c r="C13" s="4">
        <v>82</v>
      </c>
      <c r="D13" s="4">
        <v>77</v>
      </c>
      <c r="E13" s="4">
        <v>1673</v>
      </c>
    </row>
    <row r="14" spans="1:6">
      <c r="A14" s="57"/>
      <c r="B14" s="5">
        <v>0.90500000000000003</v>
      </c>
      <c r="C14" s="5">
        <v>4.9000000000000002E-2</v>
      </c>
      <c r="D14" s="5">
        <v>4.5999999999999999E-2</v>
      </c>
      <c r="E14" s="5">
        <v>1</v>
      </c>
    </row>
    <row r="15" spans="1:6">
      <c r="A15" s="54" t="s">
        <v>518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5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68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2</v>
      </c>
      <c r="B3" s="53" t="s">
        <v>100</v>
      </c>
      <c r="C3" s="53"/>
      <c r="D3" s="53"/>
      <c r="E3" s="53"/>
      <c r="F3" s="53"/>
      <c r="G3" s="2"/>
    </row>
    <row r="4" spans="1:7" ht="28.5">
      <c r="A4" s="78"/>
      <c r="B4" s="8" t="s">
        <v>143</v>
      </c>
      <c r="C4" s="8" t="s">
        <v>144</v>
      </c>
      <c r="D4" s="8" t="s">
        <v>145</v>
      </c>
      <c r="E4" s="8" t="s">
        <v>42</v>
      </c>
      <c r="F4" s="8" t="s">
        <v>29</v>
      </c>
    </row>
    <row r="5" spans="1:7">
      <c r="A5" s="73" t="s">
        <v>203</v>
      </c>
      <c r="B5" s="4">
        <v>631</v>
      </c>
      <c r="C5" s="4">
        <v>844</v>
      </c>
      <c r="D5" s="4">
        <v>198</v>
      </c>
      <c r="E5" s="4">
        <v>0</v>
      </c>
      <c r="F5" s="4">
        <v>1673</v>
      </c>
    </row>
    <row r="6" spans="1:7">
      <c r="A6" s="77"/>
      <c r="B6" s="5">
        <v>0.377</v>
      </c>
      <c r="C6" s="5">
        <v>0.504</v>
      </c>
      <c r="D6" s="5">
        <v>0.11799999999999999</v>
      </c>
      <c r="E6" s="5">
        <v>0</v>
      </c>
      <c r="F6" s="5">
        <v>1</v>
      </c>
    </row>
    <row r="7" spans="1:7">
      <c r="A7" s="73" t="s">
        <v>204</v>
      </c>
      <c r="B7" s="4">
        <v>276</v>
      </c>
      <c r="C7" s="4">
        <v>1189</v>
      </c>
      <c r="D7" s="4">
        <v>302</v>
      </c>
      <c r="E7" s="4">
        <v>1</v>
      </c>
      <c r="F7" s="4">
        <v>1768</v>
      </c>
    </row>
    <row r="8" spans="1:7">
      <c r="A8" s="74"/>
      <c r="B8" s="5">
        <v>0.156</v>
      </c>
      <c r="C8" s="5">
        <v>0.67300000000000004</v>
      </c>
      <c r="D8" s="5">
        <v>0.17100000000000001</v>
      </c>
      <c r="E8" s="5">
        <v>1E-3</v>
      </c>
      <c r="F8" s="5">
        <v>1</v>
      </c>
    </row>
    <row r="9" spans="1:7">
      <c r="A9" s="73" t="s">
        <v>210</v>
      </c>
      <c r="B9" s="6">
        <v>27</v>
      </c>
      <c r="C9" s="6">
        <v>78</v>
      </c>
      <c r="D9" s="6">
        <v>134</v>
      </c>
      <c r="E9" s="6">
        <v>0</v>
      </c>
      <c r="F9" s="6">
        <v>239</v>
      </c>
    </row>
    <row r="10" spans="1:7">
      <c r="A10" s="74"/>
      <c r="B10" s="5">
        <v>0.113</v>
      </c>
      <c r="C10" s="5">
        <v>0.32600000000000001</v>
      </c>
      <c r="D10" s="5">
        <v>0.56100000000000005</v>
      </c>
      <c r="E10" s="5">
        <v>0</v>
      </c>
      <c r="F10" s="5">
        <v>1</v>
      </c>
    </row>
    <row r="11" spans="1:7" ht="14.25" customHeight="1">
      <c r="A11" s="73" t="s">
        <v>171</v>
      </c>
      <c r="B11" s="6">
        <v>1</v>
      </c>
      <c r="C11" s="6">
        <v>3</v>
      </c>
      <c r="D11" s="6">
        <v>0</v>
      </c>
      <c r="E11" s="6">
        <v>1</v>
      </c>
      <c r="F11" s="6">
        <v>5</v>
      </c>
    </row>
    <row r="12" spans="1:7">
      <c r="A12" s="74"/>
      <c r="B12" s="5">
        <v>0.2</v>
      </c>
      <c r="C12" s="5">
        <v>0.6</v>
      </c>
      <c r="D12" s="5">
        <v>0</v>
      </c>
      <c r="E12" s="5">
        <v>0.2</v>
      </c>
      <c r="F12" s="5">
        <v>1</v>
      </c>
    </row>
    <row r="13" spans="1:7">
      <c r="A13" s="56" t="s">
        <v>29</v>
      </c>
      <c r="B13" s="4">
        <v>935</v>
      </c>
      <c r="C13" s="4">
        <v>2114</v>
      </c>
      <c r="D13" s="4">
        <v>634</v>
      </c>
      <c r="E13" s="4">
        <v>2</v>
      </c>
      <c r="F13" s="4">
        <v>3685</v>
      </c>
    </row>
    <row r="14" spans="1:7">
      <c r="A14" s="57"/>
      <c r="B14" s="5">
        <v>0.254</v>
      </c>
      <c r="C14" s="5">
        <v>0.57399999999999995</v>
      </c>
      <c r="D14" s="5">
        <v>0.17199999999999999</v>
      </c>
      <c r="E14" s="5">
        <v>1E-3</v>
      </c>
      <c r="F14" s="5">
        <v>1</v>
      </c>
    </row>
    <row r="15" spans="1:7">
      <c r="A15" s="54" t="s">
        <v>101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6"/>
  <dimension ref="A1:E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5">
      <c r="A1" s="1" t="s">
        <v>669</v>
      </c>
    </row>
    <row r="2" spans="1:5" ht="14.25" customHeight="1">
      <c r="A2" s="41" t="s">
        <v>812</v>
      </c>
      <c r="C2" s="7"/>
      <c r="D2" s="7"/>
    </row>
    <row r="3" spans="1:5" ht="14.25" customHeight="1">
      <c r="A3" s="78" t="s">
        <v>202</v>
      </c>
      <c r="B3" s="53" t="s">
        <v>103</v>
      </c>
      <c r="C3" s="53"/>
      <c r="D3" s="53"/>
      <c r="E3" s="2"/>
    </row>
    <row r="4" spans="1:5">
      <c r="A4" s="78"/>
      <c r="B4" s="8" t="s">
        <v>142</v>
      </c>
      <c r="C4" s="8" t="s">
        <v>150</v>
      </c>
      <c r="D4" s="8" t="s">
        <v>29</v>
      </c>
    </row>
    <row r="5" spans="1:5">
      <c r="A5" s="73" t="s">
        <v>203</v>
      </c>
      <c r="B5" s="4">
        <v>520</v>
      </c>
      <c r="C5" s="4">
        <v>77</v>
      </c>
      <c r="D5" s="4">
        <v>597</v>
      </c>
    </row>
    <row r="6" spans="1:5">
      <c r="A6" s="77"/>
      <c r="B6" s="5">
        <v>0.871</v>
      </c>
      <c r="C6" s="5">
        <v>0.129</v>
      </c>
      <c r="D6" s="5">
        <v>1</v>
      </c>
    </row>
    <row r="7" spans="1:5">
      <c r="A7" s="73" t="s">
        <v>204</v>
      </c>
      <c r="B7" s="6">
        <v>229</v>
      </c>
      <c r="C7" s="6">
        <v>25</v>
      </c>
      <c r="D7" s="4">
        <v>254</v>
      </c>
    </row>
    <row r="8" spans="1:5">
      <c r="A8" s="74"/>
      <c r="B8" s="5">
        <v>0.90200000000000002</v>
      </c>
      <c r="C8" s="5">
        <v>9.8000000000000004E-2</v>
      </c>
      <c r="D8" s="5">
        <v>1</v>
      </c>
    </row>
    <row r="9" spans="1:5">
      <c r="A9" s="73" t="s">
        <v>210</v>
      </c>
      <c r="B9" s="6">
        <v>23</v>
      </c>
      <c r="C9" s="6">
        <v>3</v>
      </c>
      <c r="D9" s="6">
        <v>26</v>
      </c>
    </row>
    <row r="10" spans="1:5">
      <c r="A10" s="74"/>
      <c r="B10" s="5">
        <v>0.88500000000000001</v>
      </c>
      <c r="C10" s="5">
        <v>0.115</v>
      </c>
      <c r="D10" s="5">
        <v>1</v>
      </c>
    </row>
    <row r="11" spans="1:5" ht="14.25" customHeight="1">
      <c r="A11" s="73" t="s">
        <v>171</v>
      </c>
      <c r="B11" s="6">
        <v>1</v>
      </c>
      <c r="C11" s="6">
        <v>0</v>
      </c>
      <c r="D11" s="6">
        <v>1</v>
      </c>
    </row>
    <row r="12" spans="1:5">
      <c r="A12" s="74"/>
      <c r="B12" s="5">
        <v>1</v>
      </c>
      <c r="C12" s="5">
        <v>0</v>
      </c>
      <c r="D12" s="5">
        <v>1</v>
      </c>
    </row>
    <row r="13" spans="1:5">
      <c r="A13" s="56" t="s">
        <v>29</v>
      </c>
      <c r="B13" s="6">
        <v>773</v>
      </c>
      <c r="C13" s="6">
        <v>105</v>
      </c>
      <c r="D13" s="6">
        <v>878</v>
      </c>
    </row>
    <row r="14" spans="1:5">
      <c r="A14" s="57"/>
      <c r="B14" s="5">
        <v>0.88</v>
      </c>
      <c r="C14" s="5">
        <v>0.12</v>
      </c>
      <c r="D14" s="5">
        <v>1</v>
      </c>
    </row>
    <row r="15" spans="1:5">
      <c r="A15" s="54" t="s">
        <v>521</v>
      </c>
      <c r="B15" s="54"/>
      <c r="C15" s="54"/>
      <c r="D15" s="54"/>
    </row>
    <row r="16" spans="1:5">
      <c r="A16" s="55"/>
      <c r="B16" s="55"/>
      <c r="C16" s="55"/>
      <c r="D16" s="55"/>
    </row>
  </sheetData>
  <mergeCells count="8">
    <mergeCell ref="A13:A14"/>
    <mergeCell ref="A15:D16"/>
    <mergeCell ref="A3:A4"/>
    <mergeCell ref="B3:D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7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70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2</v>
      </c>
      <c r="B3" s="53" t="s">
        <v>111</v>
      </c>
      <c r="C3" s="53"/>
      <c r="D3" s="53"/>
      <c r="E3" s="53"/>
      <c r="F3" s="53"/>
      <c r="G3" s="2"/>
    </row>
    <row r="4" spans="1:7" ht="42.75">
      <c r="A4" s="78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7">
      <c r="A5" s="73" t="s">
        <v>203</v>
      </c>
      <c r="B5" s="4">
        <v>1612</v>
      </c>
      <c r="C5" s="4">
        <v>56</v>
      </c>
      <c r="D5" s="4">
        <v>4</v>
      </c>
      <c r="E5" s="4">
        <v>1</v>
      </c>
      <c r="F5" s="4">
        <v>1673</v>
      </c>
    </row>
    <row r="6" spans="1:7">
      <c r="A6" s="77"/>
      <c r="B6" s="5">
        <v>0.96399999999999997</v>
      </c>
      <c r="C6" s="5">
        <v>3.3000000000000002E-2</v>
      </c>
      <c r="D6" s="5">
        <v>2E-3</v>
      </c>
      <c r="E6" s="5">
        <v>1E-3</v>
      </c>
      <c r="F6" s="5">
        <v>1</v>
      </c>
    </row>
    <row r="7" spans="1:7">
      <c r="A7" s="73" t="s">
        <v>204</v>
      </c>
      <c r="B7" s="4">
        <v>1724</v>
      </c>
      <c r="C7" s="4">
        <v>42</v>
      </c>
      <c r="D7" s="4">
        <v>2</v>
      </c>
      <c r="E7" s="4">
        <v>0</v>
      </c>
      <c r="F7" s="4">
        <v>1768</v>
      </c>
    </row>
    <row r="8" spans="1:7">
      <c r="A8" s="74"/>
      <c r="B8" s="5">
        <v>0.97499999999999998</v>
      </c>
      <c r="C8" s="5">
        <v>2.4E-2</v>
      </c>
      <c r="D8" s="5">
        <v>1E-3</v>
      </c>
      <c r="E8" s="5">
        <v>0</v>
      </c>
      <c r="F8" s="5">
        <v>1</v>
      </c>
    </row>
    <row r="9" spans="1:7">
      <c r="A9" s="73" t="s">
        <v>210</v>
      </c>
      <c r="B9" s="6">
        <v>232</v>
      </c>
      <c r="C9" s="6">
        <v>6</v>
      </c>
      <c r="D9" s="6">
        <v>1</v>
      </c>
      <c r="E9" s="6">
        <v>0</v>
      </c>
      <c r="F9" s="6">
        <v>239</v>
      </c>
    </row>
    <row r="10" spans="1:7">
      <c r="A10" s="74"/>
      <c r="B10" s="5">
        <v>0.97099999999999997</v>
      </c>
      <c r="C10" s="5">
        <v>2.5000000000000001E-2</v>
      </c>
      <c r="D10" s="5">
        <v>4.0000000000000001E-3</v>
      </c>
      <c r="E10" s="5">
        <v>0</v>
      </c>
      <c r="F10" s="5">
        <v>1</v>
      </c>
    </row>
    <row r="11" spans="1:7" ht="14.25" customHeight="1">
      <c r="A11" s="73" t="s">
        <v>171</v>
      </c>
      <c r="B11" s="6">
        <v>4</v>
      </c>
      <c r="C11" s="6">
        <v>0</v>
      </c>
      <c r="D11" s="6">
        <v>0</v>
      </c>
      <c r="E11" s="6">
        <v>1</v>
      </c>
      <c r="F11" s="6">
        <v>5</v>
      </c>
    </row>
    <row r="12" spans="1:7">
      <c r="A12" s="74"/>
      <c r="B12" s="5">
        <v>0.8</v>
      </c>
      <c r="C12" s="5">
        <v>0</v>
      </c>
      <c r="D12" s="5">
        <v>0</v>
      </c>
      <c r="E12" s="5">
        <v>0.2</v>
      </c>
      <c r="F12" s="5">
        <v>1</v>
      </c>
    </row>
    <row r="13" spans="1:7">
      <c r="A13" s="56" t="s">
        <v>29</v>
      </c>
      <c r="B13" s="4">
        <v>3572</v>
      </c>
      <c r="C13" s="4">
        <v>104</v>
      </c>
      <c r="D13" s="4">
        <v>7</v>
      </c>
      <c r="E13" s="4">
        <v>2</v>
      </c>
      <c r="F13" s="4">
        <v>3685</v>
      </c>
    </row>
    <row r="14" spans="1:7">
      <c r="A14" s="57"/>
      <c r="B14" s="5">
        <v>0.96899999999999997</v>
      </c>
      <c r="C14" s="5">
        <v>2.8000000000000001E-2</v>
      </c>
      <c r="D14" s="5">
        <v>2E-3</v>
      </c>
      <c r="E14" s="5">
        <v>1E-3</v>
      </c>
      <c r="F14" s="5">
        <v>1</v>
      </c>
    </row>
    <row r="15" spans="1:7">
      <c r="A15" s="54" t="s">
        <v>105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8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71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2</v>
      </c>
      <c r="B3" s="53" t="s">
        <v>519</v>
      </c>
      <c r="C3" s="53"/>
      <c r="D3" s="53"/>
      <c r="E3" s="53"/>
      <c r="F3" s="53"/>
      <c r="G3" s="2"/>
    </row>
    <row r="4" spans="1:7">
      <c r="A4" s="78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7">
      <c r="A5" s="73" t="s">
        <v>203</v>
      </c>
      <c r="B5" s="4">
        <v>756</v>
      </c>
      <c r="C5" s="4">
        <v>720</v>
      </c>
      <c r="D5" s="4">
        <v>105</v>
      </c>
      <c r="E5" s="4">
        <v>31</v>
      </c>
      <c r="F5" s="4">
        <v>1612</v>
      </c>
    </row>
    <row r="6" spans="1:7">
      <c r="A6" s="77"/>
      <c r="B6" s="5">
        <v>0.46899999999999997</v>
      </c>
      <c r="C6" s="5">
        <v>0.44700000000000001</v>
      </c>
      <c r="D6" s="5">
        <v>6.5000000000000002E-2</v>
      </c>
      <c r="E6" s="5">
        <v>1.9E-2</v>
      </c>
      <c r="F6" s="5">
        <v>1</v>
      </c>
    </row>
    <row r="7" spans="1:7">
      <c r="A7" s="73" t="s">
        <v>204</v>
      </c>
      <c r="B7" s="6">
        <v>734</v>
      </c>
      <c r="C7" s="6">
        <v>796</v>
      </c>
      <c r="D7" s="6">
        <v>133</v>
      </c>
      <c r="E7" s="6">
        <v>61</v>
      </c>
      <c r="F7" s="4">
        <v>1724</v>
      </c>
    </row>
    <row r="8" spans="1:7">
      <c r="A8" s="74"/>
      <c r="B8" s="5">
        <v>0.42599999999999999</v>
      </c>
      <c r="C8" s="5">
        <v>0.46200000000000002</v>
      </c>
      <c r="D8" s="5">
        <v>7.6999999999999999E-2</v>
      </c>
      <c r="E8" s="5">
        <v>3.5000000000000003E-2</v>
      </c>
      <c r="F8" s="5">
        <v>1</v>
      </c>
    </row>
    <row r="9" spans="1:7">
      <c r="A9" s="73" t="s">
        <v>210</v>
      </c>
      <c r="B9" s="6">
        <v>99</v>
      </c>
      <c r="C9" s="6">
        <v>107</v>
      </c>
      <c r="D9" s="6">
        <v>18</v>
      </c>
      <c r="E9" s="6">
        <v>8</v>
      </c>
      <c r="F9" s="6">
        <v>232</v>
      </c>
    </row>
    <row r="10" spans="1:7">
      <c r="A10" s="74"/>
      <c r="B10" s="5">
        <v>0.42699999999999999</v>
      </c>
      <c r="C10" s="5">
        <v>0.46100000000000002</v>
      </c>
      <c r="D10" s="5">
        <v>7.8E-2</v>
      </c>
      <c r="E10" s="5">
        <v>3.4000000000000002E-2</v>
      </c>
      <c r="F10" s="5">
        <v>1</v>
      </c>
    </row>
    <row r="11" spans="1:7" ht="14.25" customHeight="1">
      <c r="A11" s="73" t="s">
        <v>171</v>
      </c>
      <c r="B11" s="6">
        <v>2</v>
      </c>
      <c r="C11" s="6">
        <v>2</v>
      </c>
      <c r="D11" s="6">
        <v>0</v>
      </c>
      <c r="E11" s="6">
        <v>0</v>
      </c>
      <c r="F11" s="6">
        <v>4</v>
      </c>
    </row>
    <row r="12" spans="1:7">
      <c r="A12" s="74"/>
      <c r="B12" s="5">
        <v>0.5</v>
      </c>
      <c r="C12" s="5">
        <v>0.5</v>
      </c>
      <c r="D12" s="5">
        <v>0</v>
      </c>
      <c r="E12" s="5">
        <v>0</v>
      </c>
      <c r="F12" s="5">
        <v>1</v>
      </c>
    </row>
    <row r="13" spans="1:7">
      <c r="A13" s="56" t="s">
        <v>29</v>
      </c>
      <c r="B13" s="4">
        <v>1591</v>
      </c>
      <c r="C13" s="4">
        <v>1625</v>
      </c>
      <c r="D13" s="4">
        <v>256</v>
      </c>
      <c r="E13" s="4">
        <v>100</v>
      </c>
      <c r="F13" s="4">
        <v>3572</v>
      </c>
    </row>
    <row r="14" spans="1:7">
      <c r="A14" s="57"/>
      <c r="B14" s="5">
        <v>0.44500000000000001</v>
      </c>
      <c r="C14" s="5">
        <v>0.45500000000000002</v>
      </c>
      <c r="D14" s="5">
        <v>7.1999999999999995E-2</v>
      </c>
      <c r="E14" s="5">
        <v>2.8000000000000001E-2</v>
      </c>
      <c r="F14" s="5">
        <v>1</v>
      </c>
    </row>
    <row r="15" spans="1:7">
      <c r="A15" s="54" t="s">
        <v>520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9"/>
  <dimension ref="A1:J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0">
      <c r="A1" s="1" t="s">
        <v>672</v>
      </c>
    </row>
    <row r="2" spans="1:10" ht="14.25" customHeight="1">
      <c r="A2" s="41" t="s">
        <v>812</v>
      </c>
      <c r="C2" s="7"/>
      <c r="D2" s="7"/>
      <c r="E2" s="7"/>
    </row>
    <row r="3" spans="1:10" ht="14.25" customHeight="1">
      <c r="A3" s="78" t="s">
        <v>202</v>
      </c>
      <c r="B3" s="53" t="s">
        <v>113</v>
      </c>
      <c r="C3" s="53"/>
      <c r="D3" s="53"/>
      <c r="E3" s="53"/>
      <c r="F3" s="2"/>
    </row>
    <row r="4" spans="1:10" ht="28.5">
      <c r="A4" s="78"/>
      <c r="B4" s="8" t="s">
        <v>151</v>
      </c>
      <c r="C4" s="8" t="s">
        <v>152</v>
      </c>
      <c r="D4" s="8" t="s">
        <v>42</v>
      </c>
      <c r="E4" s="8" t="s">
        <v>29</v>
      </c>
    </row>
    <row r="5" spans="1:10">
      <c r="A5" s="73" t="s">
        <v>203</v>
      </c>
      <c r="B5" s="4">
        <v>1643</v>
      </c>
      <c r="C5" s="4">
        <v>26</v>
      </c>
      <c r="D5" s="4">
        <v>4</v>
      </c>
      <c r="E5" s="4">
        <v>1673</v>
      </c>
    </row>
    <row r="6" spans="1:10">
      <c r="A6" s="77"/>
      <c r="B6" s="5">
        <v>0.98199999999999998</v>
      </c>
      <c r="C6" s="5">
        <v>1.6E-2</v>
      </c>
      <c r="D6" s="5">
        <v>2E-3</v>
      </c>
      <c r="E6" s="5">
        <v>1</v>
      </c>
      <c r="G6" s="9"/>
      <c r="H6" s="9"/>
      <c r="I6" s="9"/>
      <c r="J6" s="9"/>
    </row>
    <row r="7" spans="1:10">
      <c r="A7" s="73" t="s">
        <v>204</v>
      </c>
      <c r="B7" s="4">
        <v>1751</v>
      </c>
      <c r="C7" s="4">
        <v>13</v>
      </c>
      <c r="D7" s="4">
        <v>4</v>
      </c>
      <c r="E7" s="4">
        <v>1768</v>
      </c>
    </row>
    <row r="8" spans="1:10">
      <c r="A8" s="74"/>
      <c r="B8" s="5">
        <v>0.99</v>
      </c>
      <c r="C8" s="5">
        <v>7.0000000000000001E-3</v>
      </c>
      <c r="D8" s="5">
        <v>2E-3</v>
      </c>
      <c r="E8" s="5">
        <v>1</v>
      </c>
      <c r="G8" s="9"/>
      <c r="H8" s="9"/>
      <c r="I8" s="9"/>
      <c r="J8" s="9"/>
    </row>
    <row r="9" spans="1:10">
      <c r="A9" s="73" t="s">
        <v>210</v>
      </c>
      <c r="B9" s="6">
        <v>239</v>
      </c>
      <c r="C9" s="6">
        <v>0</v>
      </c>
      <c r="D9" s="6">
        <v>0</v>
      </c>
      <c r="E9" s="6">
        <v>239</v>
      </c>
    </row>
    <row r="10" spans="1:10">
      <c r="A10" s="74"/>
      <c r="B10" s="5">
        <v>1</v>
      </c>
      <c r="C10" s="5">
        <v>0</v>
      </c>
      <c r="D10" s="5">
        <v>0</v>
      </c>
      <c r="E10" s="5">
        <v>1</v>
      </c>
      <c r="G10" s="9"/>
      <c r="H10" s="9"/>
      <c r="I10" s="9"/>
      <c r="J10" s="9"/>
    </row>
    <row r="11" spans="1:10" ht="14.25" customHeight="1">
      <c r="A11" s="73" t="s">
        <v>171</v>
      </c>
      <c r="B11" s="6">
        <v>4</v>
      </c>
      <c r="C11" s="6">
        <v>0</v>
      </c>
      <c r="D11" s="6">
        <v>1</v>
      </c>
      <c r="E11" s="6">
        <v>5</v>
      </c>
    </row>
    <row r="12" spans="1:10">
      <c r="A12" s="74"/>
      <c r="B12" s="5">
        <v>0.8</v>
      </c>
      <c r="C12" s="5">
        <v>0</v>
      </c>
      <c r="D12" s="5">
        <v>0.2</v>
      </c>
      <c r="E12" s="5">
        <v>1</v>
      </c>
      <c r="G12" s="9"/>
      <c r="H12" s="9"/>
      <c r="I12" s="9"/>
      <c r="J12" s="9"/>
    </row>
    <row r="13" spans="1:10">
      <c r="A13" s="56" t="s">
        <v>29</v>
      </c>
      <c r="B13" s="4">
        <v>3637</v>
      </c>
      <c r="C13" s="4">
        <v>39</v>
      </c>
      <c r="D13" s="4">
        <v>9</v>
      </c>
      <c r="E13" s="4">
        <v>3685</v>
      </c>
    </row>
    <row r="14" spans="1:10">
      <c r="A14" s="57"/>
      <c r="B14" s="5">
        <v>0.98699999999999999</v>
      </c>
      <c r="C14" s="5">
        <v>1.0999999999999999E-2</v>
      </c>
      <c r="D14" s="5">
        <v>2E-3</v>
      </c>
      <c r="E14" s="5">
        <v>1</v>
      </c>
      <c r="G14" s="9"/>
      <c r="H14" s="9"/>
      <c r="I14" s="9"/>
      <c r="J14" s="9"/>
    </row>
    <row r="15" spans="1:10">
      <c r="A15" s="54" t="s">
        <v>106</v>
      </c>
      <c r="B15" s="54"/>
      <c r="C15" s="54"/>
      <c r="D15" s="54"/>
      <c r="E15" s="54"/>
    </row>
    <row r="16" spans="1:10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0"/>
  <dimension ref="A1:L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2">
      <c r="A1" s="1" t="s">
        <v>673</v>
      </c>
    </row>
    <row r="2" spans="1:12" ht="14.25" customHeight="1">
      <c r="A2" s="41" t="s">
        <v>812</v>
      </c>
      <c r="C2" s="7"/>
      <c r="D2" s="7"/>
      <c r="E2" s="7"/>
      <c r="F2" s="7"/>
    </row>
    <row r="3" spans="1:12" ht="14.25" customHeight="1">
      <c r="A3" s="78" t="s">
        <v>202</v>
      </c>
      <c r="B3" s="53" t="s">
        <v>114</v>
      </c>
      <c r="C3" s="53"/>
      <c r="D3" s="53"/>
      <c r="E3" s="53"/>
      <c r="F3" s="53"/>
      <c r="G3" s="2"/>
    </row>
    <row r="4" spans="1:12">
      <c r="A4" s="78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12">
      <c r="A5" s="73" t="s">
        <v>203</v>
      </c>
      <c r="B5" s="4">
        <v>326</v>
      </c>
      <c r="C5" s="4">
        <v>514</v>
      </c>
      <c r="D5" s="4">
        <v>819</v>
      </c>
      <c r="E5" s="4">
        <v>14</v>
      </c>
      <c r="F5" s="4">
        <v>1673</v>
      </c>
    </row>
    <row r="6" spans="1:12">
      <c r="A6" s="77"/>
      <c r="B6" s="5">
        <v>0.19500000000000001</v>
      </c>
      <c r="C6" s="5">
        <v>0.307</v>
      </c>
      <c r="D6" s="5">
        <v>0.49</v>
      </c>
      <c r="E6" s="5">
        <v>8.0000000000000002E-3</v>
      </c>
      <c r="F6" s="5">
        <v>1</v>
      </c>
      <c r="H6" s="9"/>
      <c r="I6" s="9"/>
      <c r="J6" s="9"/>
      <c r="K6" s="9"/>
      <c r="L6" s="9"/>
    </row>
    <row r="7" spans="1:12">
      <c r="A7" s="73" t="s">
        <v>204</v>
      </c>
      <c r="B7" s="6">
        <v>299</v>
      </c>
      <c r="C7" s="6">
        <v>600</v>
      </c>
      <c r="D7" s="6">
        <v>857</v>
      </c>
      <c r="E7" s="6">
        <v>12</v>
      </c>
      <c r="F7" s="4">
        <v>1768</v>
      </c>
    </row>
    <row r="8" spans="1:12">
      <c r="A8" s="74"/>
      <c r="B8" s="5">
        <v>0.16900000000000001</v>
      </c>
      <c r="C8" s="5">
        <v>0.33900000000000002</v>
      </c>
      <c r="D8" s="5">
        <v>0.48499999999999999</v>
      </c>
      <c r="E8" s="5">
        <v>7.0000000000000001E-3</v>
      </c>
      <c r="F8" s="5">
        <v>1</v>
      </c>
      <c r="H8" s="9"/>
      <c r="I8" s="9"/>
      <c r="J8" s="9"/>
      <c r="K8" s="9"/>
      <c r="L8" s="9"/>
    </row>
    <row r="9" spans="1:12">
      <c r="A9" s="73" t="s">
        <v>210</v>
      </c>
      <c r="B9" s="6">
        <v>45</v>
      </c>
      <c r="C9" s="6">
        <v>77</v>
      </c>
      <c r="D9" s="6">
        <v>114</v>
      </c>
      <c r="E9" s="6">
        <v>3</v>
      </c>
      <c r="F9" s="6">
        <v>239</v>
      </c>
    </row>
    <row r="10" spans="1:12">
      <c r="A10" s="74"/>
      <c r="B10" s="5">
        <v>0.188</v>
      </c>
      <c r="C10" s="5">
        <v>0.32200000000000001</v>
      </c>
      <c r="D10" s="5">
        <v>0.47699999999999998</v>
      </c>
      <c r="E10" s="5">
        <v>1.2999999999999999E-2</v>
      </c>
      <c r="F10" s="5">
        <v>1</v>
      </c>
      <c r="H10" s="9"/>
      <c r="I10" s="9"/>
      <c r="J10" s="9"/>
      <c r="K10" s="9"/>
      <c r="L10" s="9"/>
    </row>
    <row r="11" spans="1:12" ht="14.25" customHeight="1">
      <c r="A11" s="73" t="s">
        <v>171</v>
      </c>
      <c r="B11" s="6">
        <v>0</v>
      </c>
      <c r="C11" s="6">
        <v>1</v>
      </c>
      <c r="D11" s="6">
        <v>2</v>
      </c>
      <c r="E11" s="6">
        <v>2</v>
      </c>
      <c r="F11" s="6">
        <v>5</v>
      </c>
    </row>
    <row r="12" spans="1:12">
      <c r="A12" s="74"/>
      <c r="B12" s="5">
        <v>0</v>
      </c>
      <c r="C12" s="5">
        <v>0.2</v>
      </c>
      <c r="D12" s="5">
        <v>0.4</v>
      </c>
      <c r="E12" s="5">
        <v>0.4</v>
      </c>
      <c r="F12" s="5">
        <v>1</v>
      </c>
      <c r="H12" s="9"/>
      <c r="I12" s="9"/>
      <c r="J12" s="9"/>
      <c r="K12" s="9"/>
      <c r="L12" s="9"/>
    </row>
    <row r="13" spans="1:12">
      <c r="A13" s="56" t="s">
        <v>29</v>
      </c>
      <c r="B13" s="4">
        <v>670</v>
      </c>
      <c r="C13" s="4">
        <v>1192</v>
      </c>
      <c r="D13" s="4">
        <v>1792</v>
      </c>
      <c r="E13" s="4">
        <v>31</v>
      </c>
      <c r="F13" s="4">
        <v>3685</v>
      </c>
    </row>
    <row r="14" spans="1:12">
      <c r="A14" s="57"/>
      <c r="B14" s="5">
        <v>0.182</v>
      </c>
      <c r="C14" s="5">
        <v>0.32300000000000001</v>
      </c>
      <c r="D14" s="5">
        <v>0.48599999999999999</v>
      </c>
      <c r="E14" s="5">
        <v>8.0000000000000002E-3</v>
      </c>
      <c r="F14" s="5">
        <v>1</v>
      </c>
      <c r="H14" s="9"/>
      <c r="I14" s="9"/>
      <c r="J14" s="9"/>
      <c r="K14" s="9"/>
      <c r="L14" s="9"/>
    </row>
    <row r="15" spans="1:12">
      <c r="A15" s="54" t="s">
        <v>115</v>
      </c>
      <c r="B15" s="54"/>
      <c r="C15" s="54"/>
      <c r="D15" s="54"/>
      <c r="E15" s="54"/>
      <c r="F15" s="54"/>
    </row>
    <row r="16" spans="1:12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1"/>
  <dimension ref="A1:N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4">
      <c r="A1" s="1" t="s">
        <v>674</v>
      </c>
    </row>
    <row r="2" spans="1:14" ht="14.25" customHeight="1">
      <c r="A2" s="41" t="s">
        <v>812</v>
      </c>
      <c r="C2" s="7"/>
      <c r="D2" s="7"/>
      <c r="E2" s="7"/>
      <c r="F2" s="7"/>
      <c r="G2" s="7"/>
    </row>
    <row r="3" spans="1:14" ht="14.25" customHeight="1">
      <c r="A3" s="78" t="s">
        <v>202</v>
      </c>
      <c r="B3" s="53" t="s">
        <v>116</v>
      </c>
      <c r="C3" s="53"/>
      <c r="D3" s="53"/>
      <c r="E3" s="53"/>
      <c r="F3" s="53"/>
      <c r="G3" s="53"/>
      <c r="H3" s="2"/>
    </row>
    <row r="4" spans="1:14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14">
      <c r="A5" s="73" t="s">
        <v>203</v>
      </c>
      <c r="B5" s="4">
        <v>1281</v>
      </c>
      <c r="C5" s="4">
        <v>129</v>
      </c>
      <c r="D5" s="4">
        <v>201</v>
      </c>
      <c r="E5" s="4">
        <v>55</v>
      </c>
      <c r="F5" s="4">
        <v>7</v>
      </c>
      <c r="G5" s="4">
        <v>1673</v>
      </c>
    </row>
    <row r="6" spans="1:14">
      <c r="A6" s="77"/>
      <c r="B6" s="5">
        <v>0.76600000000000001</v>
      </c>
      <c r="C6" s="5">
        <v>7.6999999999999999E-2</v>
      </c>
      <c r="D6" s="5">
        <v>0.12</v>
      </c>
      <c r="E6" s="5">
        <v>3.3000000000000002E-2</v>
      </c>
      <c r="F6" s="5">
        <v>4.0000000000000001E-3</v>
      </c>
      <c r="G6" s="5">
        <v>1</v>
      </c>
      <c r="I6" s="9"/>
      <c r="J6" s="9"/>
      <c r="K6" s="9"/>
      <c r="L6" s="9"/>
      <c r="M6" s="9"/>
      <c r="N6" s="9"/>
    </row>
    <row r="7" spans="1:14">
      <c r="A7" s="73" t="s">
        <v>204</v>
      </c>
      <c r="B7" s="4">
        <v>1371</v>
      </c>
      <c r="C7" s="4">
        <v>123</v>
      </c>
      <c r="D7" s="4">
        <v>204</v>
      </c>
      <c r="E7" s="4">
        <v>59</v>
      </c>
      <c r="F7" s="4">
        <v>11</v>
      </c>
      <c r="G7" s="4">
        <v>1768</v>
      </c>
    </row>
    <row r="8" spans="1:14">
      <c r="A8" s="74"/>
      <c r="B8" s="5">
        <v>0.77500000000000002</v>
      </c>
      <c r="C8" s="5">
        <v>7.0000000000000007E-2</v>
      </c>
      <c r="D8" s="5">
        <v>0.115</v>
      </c>
      <c r="E8" s="5">
        <v>3.3000000000000002E-2</v>
      </c>
      <c r="F8" s="5">
        <v>6.0000000000000001E-3</v>
      </c>
      <c r="G8" s="5">
        <v>1</v>
      </c>
      <c r="I8" s="9"/>
      <c r="J8" s="9"/>
      <c r="K8" s="9"/>
      <c r="L8" s="9"/>
      <c r="M8" s="9"/>
      <c r="N8" s="9"/>
    </row>
    <row r="9" spans="1:14">
      <c r="A9" s="73" t="s">
        <v>210</v>
      </c>
      <c r="B9" s="6">
        <v>170</v>
      </c>
      <c r="C9" s="6">
        <v>16</v>
      </c>
      <c r="D9" s="6">
        <v>47</v>
      </c>
      <c r="E9" s="6">
        <v>6</v>
      </c>
      <c r="F9" s="6">
        <v>0</v>
      </c>
      <c r="G9" s="6">
        <v>239</v>
      </c>
    </row>
    <row r="10" spans="1:14">
      <c r="A10" s="74"/>
      <c r="B10" s="5">
        <v>0.71099999999999997</v>
      </c>
      <c r="C10" s="5">
        <v>6.7000000000000004E-2</v>
      </c>
      <c r="D10" s="5">
        <v>0.19700000000000001</v>
      </c>
      <c r="E10" s="5">
        <v>2.5000000000000001E-2</v>
      </c>
      <c r="F10" s="5">
        <v>0</v>
      </c>
      <c r="G10" s="5">
        <v>1</v>
      </c>
      <c r="I10" s="9"/>
      <c r="J10" s="9"/>
      <c r="K10" s="9"/>
      <c r="L10" s="9"/>
      <c r="M10" s="9"/>
      <c r="N10" s="9"/>
    </row>
    <row r="11" spans="1:14" ht="14.25" customHeight="1">
      <c r="A11" s="73" t="s">
        <v>171</v>
      </c>
      <c r="B11" s="6">
        <v>3</v>
      </c>
      <c r="C11" s="6">
        <v>0</v>
      </c>
      <c r="D11" s="6">
        <v>1</v>
      </c>
      <c r="E11" s="6">
        <v>0</v>
      </c>
      <c r="F11" s="6">
        <v>1</v>
      </c>
      <c r="G11" s="6">
        <v>5</v>
      </c>
    </row>
    <row r="12" spans="1:14">
      <c r="A12" s="74"/>
      <c r="B12" s="5">
        <v>0.6</v>
      </c>
      <c r="C12" s="5">
        <v>0</v>
      </c>
      <c r="D12" s="5">
        <v>0.2</v>
      </c>
      <c r="E12" s="5">
        <v>0</v>
      </c>
      <c r="F12" s="5">
        <v>0.2</v>
      </c>
      <c r="G12" s="5">
        <v>1</v>
      </c>
      <c r="I12" s="9"/>
      <c r="J12" s="9"/>
      <c r="K12" s="9"/>
      <c r="L12" s="9"/>
      <c r="M12" s="9"/>
      <c r="N12" s="9"/>
    </row>
    <row r="13" spans="1:14">
      <c r="A13" s="56" t="s">
        <v>29</v>
      </c>
      <c r="B13" s="4">
        <v>2825</v>
      </c>
      <c r="C13" s="4">
        <v>268</v>
      </c>
      <c r="D13" s="4">
        <v>453</v>
      </c>
      <c r="E13" s="4">
        <v>120</v>
      </c>
      <c r="F13" s="4">
        <v>19</v>
      </c>
      <c r="G13" s="4">
        <v>3685</v>
      </c>
    </row>
    <row r="14" spans="1:14">
      <c r="A14" s="57"/>
      <c r="B14" s="5">
        <v>0.76700000000000002</v>
      </c>
      <c r="C14" s="5">
        <v>7.2999999999999995E-2</v>
      </c>
      <c r="D14" s="5">
        <v>0.123</v>
      </c>
      <c r="E14" s="5">
        <v>3.3000000000000002E-2</v>
      </c>
      <c r="F14" s="5">
        <v>5.0000000000000001E-3</v>
      </c>
      <c r="G14" s="5">
        <v>1</v>
      </c>
      <c r="I14" s="9"/>
      <c r="J14" s="9"/>
      <c r="K14" s="9"/>
      <c r="L14" s="9"/>
      <c r="M14" s="9"/>
      <c r="N14" s="9"/>
    </row>
    <row r="15" spans="1:14">
      <c r="A15" s="54" t="s">
        <v>119</v>
      </c>
      <c r="B15" s="54"/>
      <c r="C15" s="54"/>
      <c r="D15" s="54"/>
      <c r="E15" s="54"/>
      <c r="F15" s="54"/>
      <c r="G15" s="54"/>
    </row>
    <row r="16" spans="1:14">
      <c r="A16" s="55"/>
      <c r="B16" s="55"/>
      <c r="C16" s="55"/>
      <c r="D16" s="55"/>
      <c r="E16" s="55"/>
      <c r="F16" s="55"/>
      <c r="G16" s="55"/>
    </row>
  </sheetData>
  <mergeCells count="8">
    <mergeCell ref="A13:A14"/>
    <mergeCell ref="A15:G16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5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5" width="9" style="1" customWidth="1"/>
    <col min="6" max="16384" width="9" style="1"/>
  </cols>
  <sheetData>
    <row r="1" spans="1:7">
      <c r="A1" s="1" t="s">
        <v>502</v>
      </c>
    </row>
    <row r="2" spans="1:7">
      <c r="A2" s="41" t="s">
        <v>812</v>
      </c>
      <c r="C2" s="7"/>
      <c r="D2" s="7"/>
      <c r="E2" s="7"/>
    </row>
    <row r="3" spans="1:7" ht="60" customHeight="1">
      <c r="A3" s="60" t="s">
        <v>26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60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56" t="s">
        <v>30</v>
      </c>
      <c r="B5" s="4">
        <v>64</v>
      </c>
      <c r="C5" s="4">
        <v>795</v>
      </c>
      <c r="D5" s="4">
        <v>699</v>
      </c>
      <c r="E5" s="4">
        <v>160</v>
      </c>
      <c r="F5" s="4">
        <v>271</v>
      </c>
      <c r="G5" s="4">
        <v>588</v>
      </c>
    </row>
    <row r="6" spans="1:7">
      <c r="A6" s="61"/>
      <c r="B6" s="5">
        <v>7.4999999999999997E-2</v>
      </c>
      <c r="C6" s="5">
        <v>0.92500000000000004</v>
      </c>
      <c r="D6" s="5">
        <v>0.81399999999999995</v>
      </c>
      <c r="E6" s="5">
        <v>0.186</v>
      </c>
      <c r="F6" s="5">
        <v>0.315</v>
      </c>
      <c r="G6" s="5">
        <v>0.68500000000000005</v>
      </c>
    </row>
    <row r="7" spans="1:7">
      <c r="A7" s="56" t="s">
        <v>31</v>
      </c>
      <c r="B7" s="6">
        <v>32</v>
      </c>
      <c r="C7" s="6">
        <v>480</v>
      </c>
      <c r="D7" s="6">
        <v>434</v>
      </c>
      <c r="E7" s="6">
        <v>78</v>
      </c>
      <c r="F7" s="6">
        <v>172</v>
      </c>
      <c r="G7" s="6">
        <v>340</v>
      </c>
    </row>
    <row r="8" spans="1:7">
      <c r="A8" s="57"/>
      <c r="B8" s="5">
        <v>6.3E-2</v>
      </c>
      <c r="C8" s="5">
        <v>0.93799999999999994</v>
      </c>
      <c r="D8" s="5">
        <v>0.84799999999999998</v>
      </c>
      <c r="E8" s="5">
        <v>0.152</v>
      </c>
      <c r="F8" s="5">
        <v>0.33600000000000002</v>
      </c>
      <c r="G8" s="5">
        <v>0.66400000000000003</v>
      </c>
    </row>
    <row r="9" spans="1:7">
      <c r="A9" s="56" t="s">
        <v>32</v>
      </c>
      <c r="B9" s="6">
        <v>11</v>
      </c>
      <c r="C9" s="6">
        <v>143</v>
      </c>
      <c r="D9" s="6">
        <v>115</v>
      </c>
      <c r="E9" s="6">
        <v>39</v>
      </c>
      <c r="F9" s="6">
        <v>59</v>
      </c>
      <c r="G9" s="6">
        <v>95</v>
      </c>
    </row>
    <row r="10" spans="1:7">
      <c r="A10" s="57"/>
      <c r="B10" s="5">
        <v>7.0999999999999994E-2</v>
      </c>
      <c r="C10" s="5">
        <v>0.92900000000000005</v>
      </c>
      <c r="D10" s="5">
        <v>0.747</v>
      </c>
      <c r="E10" s="5">
        <v>0.253</v>
      </c>
      <c r="F10" s="5">
        <v>0.38300000000000001</v>
      </c>
      <c r="G10" s="5">
        <v>0.61699999999999999</v>
      </c>
    </row>
    <row r="11" spans="1:7">
      <c r="A11" s="58" t="s">
        <v>38</v>
      </c>
      <c r="B11" s="6">
        <v>6</v>
      </c>
      <c r="C11" s="6">
        <v>135</v>
      </c>
      <c r="D11" s="6">
        <v>111</v>
      </c>
      <c r="E11" s="6">
        <v>30</v>
      </c>
      <c r="F11" s="6">
        <v>47</v>
      </c>
      <c r="G11" s="6">
        <v>94</v>
      </c>
    </row>
    <row r="12" spans="1:7">
      <c r="A12" s="59"/>
      <c r="B12" s="5">
        <v>4.2999999999999997E-2</v>
      </c>
      <c r="C12" s="5">
        <v>0.95699999999999996</v>
      </c>
      <c r="D12" s="5">
        <v>0.78700000000000003</v>
      </c>
      <c r="E12" s="5">
        <v>0.21299999999999999</v>
      </c>
      <c r="F12" s="5">
        <v>0.33300000000000002</v>
      </c>
      <c r="G12" s="5">
        <v>0.66700000000000004</v>
      </c>
    </row>
    <row r="13" spans="1:7">
      <c r="A13" s="56" t="s">
        <v>33</v>
      </c>
      <c r="B13" s="6">
        <v>28</v>
      </c>
      <c r="C13" s="6">
        <v>164</v>
      </c>
      <c r="D13" s="6">
        <v>148</v>
      </c>
      <c r="E13" s="6">
        <v>44</v>
      </c>
      <c r="F13" s="6">
        <v>70</v>
      </c>
      <c r="G13" s="6">
        <v>122</v>
      </c>
    </row>
    <row r="14" spans="1:7">
      <c r="A14" s="57"/>
      <c r="B14" s="5">
        <v>0.14599999999999999</v>
      </c>
      <c r="C14" s="5">
        <v>0.85399999999999998</v>
      </c>
      <c r="D14" s="5">
        <v>0.77100000000000002</v>
      </c>
      <c r="E14" s="5">
        <v>0.22900000000000001</v>
      </c>
      <c r="F14" s="5">
        <v>0.36499999999999999</v>
      </c>
      <c r="G14" s="5">
        <v>0.63500000000000001</v>
      </c>
    </row>
    <row r="15" spans="1:7">
      <c r="A15" s="56" t="s">
        <v>34</v>
      </c>
      <c r="B15" s="6">
        <v>6</v>
      </c>
      <c r="C15" s="6">
        <v>120</v>
      </c>
      <c r="D15" s="6">
        <v>101</v>
      </c>
      <c r="E15" s="6">
        <v>25</v>
      </c>
      <c r="F15" s="6">
        <v>36</v>
      </c>
      <c r="G15" s="6">
        <v>90</v>
      </c>
    </row>
    <row r="16" spans="1:7">
      <c r="A16" s="57"/>
      <c r="B16" s="5">
        <v>4.8000000000000001E-2</v>
      </c>
      <c r="C16" s="5">
        <v>0.95199999999999996</v>
      </c>
      <c r="D16" s="5">
        <v>0.80200000000000005</v>
      </c>
      <c r="E16" s="5">
        <v>0.19800000000000001</v>
      </c>
      <c r="F16" s="5">
        <v>0.28599999999999998</v>
      </c>
      <c r="G16" s="5">
        <v>0.71399999999999997</v>
      </c>
    </row>
    <row r="17" spans="1:7">
      <c r="A17" s="56" t="s">
        <v>35</v>
      </c>
      <c r="B17" s="6">
        <v>28</v>
      </c>
      <c r="C17" s="6">
        <v>236</v>
      </c>
      <c r="D17" s="6">
        <v>196</v>
      </c>
      <c r="E17" s="6">
        <v>68</v>
      </c>
      <c r="F17" s="6">
        <v>82</v>
      </c>
      <c r="G17" s="6">
        <v>182</v>
      </c>
    </row>
    <row r="18" spans="1:7">
      <c r="A18" s="57"/>
      <c r="B18" s="5">
        <v>0.106</v>
      </c>
      <c r="C18" s="5">
        <v>0.89400000000000002</v>
      </c>
      <c r="D18" s="5">
        <v>0.74199999999999999</v>
      </c>
      <c r="E18" s="5">
        <v>0.25800000000000001</v>
      </c>
      <c r="F18" s="5">
        <v>0.311</v>
      </c>
      <c r="G18" s="5">
        <v>0.68899999999999995</v>
      </c>
    </row>
    <row r="19" spans="1:7">
      <c r="A19" s="56" t="s">
        <v>36</v>
      </c>
      <c r="B19" s="6">
        <v>8</v>
      </c>
      <c r="C19" s="6">
        <v>60</v>
      </c>
      <c r="D19" s="6">
        <v>51</v>
      </c>
      <c r="E19" s="6">
        <v>17</v>
      </c>
      <c r="F19" s="6">
        <v>20</v>
      </c>
      <c r="G19" s="6">
        <v>48</v>
      </c>
    </row>
    <row r="20" spans="1:7">
      <c r="A20" s="57"/>
      <c r="B20" s="5">
        <v>0.11799999999999999</v>
      </c>
      <c r="C20" s="5">
        <v>0.88200000000000001</v>
      </c>
      <c r="D20" s="5">
        <v>0.75</v>
      </c>
      <c r="E20" s="5">
        <v>0.25</v>
      </c>
      <c r="F20" s="5">
        <v>0.29399999999999998</v>
      </c>
      <c r="G20" s="5">
        <v>0.70599999999999996</v>
      </c>
    </row>
    <row r="21" spans="1:7">
      <c r="A21" s="56" t="s">
        <v>29</v>
      </c>
      <c r="B21" s="4">
        <v>183</v>
      </c>
      <c r="C21" s="4">
        <v>2133</v>
      </c>
      <c r="D21" s="4">
        <v>1855</v>
      </c>
      <c r="E21" s="4">
        <v>461</v>
      </c>
      <c r="F21" s="4">
        <v>757</v>
      </c>
      <c r="G21" s="4">
        <v>1559</v>
      </c>
    </row>
    <row r="22" spans="1:7">
      <c r="A22" s="57"/>
      <c r="B22" s="5">
        <v>7.9000000000000001E-2</v>
      </c>
      <c r="C22" s="5">
        <v>0.92100000000000004</v>
      </c>
      <c r="D22" s="5">
        <v>0.80100000000000005</v>
      </c>
      <c r="E22" s="5">
        <v>0.19900000000000001</v>
      </c>
      <c r="F22" s="5">
        <v>0.32700000000000001</v>
      </c>
      <c r="G22" s="5">
        <v>0.67300000000000004</v>
      </c>
    </row>
    <row r="23" spans="1:7">
      <c r="A23" s="34"/>
      <c r="B23" s="35"/>
      <c r="C23" s="35"/>
      <c r="D23" s="35"/>
      <c r="E23" s="35"/>
      <c r="F23" s="36"/>
      <c r="G23" s="36"/>
    </row>
    <row r="24" spans="1:7" ht="31.5" customHeight="1">
      <c r="A24" s="60" t="s">
        <v>26</v>
      </c>
      <c r="B24" s="62" t="s">
        <v>243</v>
      </c>
      <c r="C24" s="63"/>
      <c r="D24" s="65" t="s">
        <v>244</v>
      </c>
      <c r="E24" s="65"/>
      <c r="F24" s="65" t="s">
        <v>245</v>
      </c>
      <c r="G24" s="65"/>
    </row>
    <row r="25" spans="1:7">
      <c r="A25" s="60"/>
      <c r="B25" s="8" t="s">
        <v>190</v>
      </c>
      <c r="C25" s="8" t="s">
        <v>191</v>
      </c>
      <c r="D25" s="8" t="s">
        <v>190</v>
      </c>
      <c r="E25" s="8" t="s">
        <v>191</v>
      </c>
      <c r="F25" s="8" t="s">
        <v>190</v>
      </c>
      <c r="G25" s="8" t="s">
        <v>191</v>
      </c>
    </row>
    <row r="26" spans="1:7">
      <c r="A26" s="56" t="s">
        <v>30</v>
      </c>
      <c r="B26" s="4">
        <v>548</v>
      </c>
      <c r="C26" s="4">
        <v>311</v>
      </c>
      <c r="D26" s="4">
        <v>21</v>
      </c>
      <c r="E26" s="4">
        <v>838</v>
      </c>
      <c r="F26" s="4">
        <v>28</v>
      </c>
      <c r="G26" s="4">
        <v>831</v>
      </c>
    </row>
    <row r="27" spans="1:7">
      <c r="A27" s="61"/>
      <c r="B27" s="5">
        <v>0.63800000000000001</v>
      </c>
      <c r="C27" s="5">
        <v>0.36199999999999999</v>
      </c>
      <c r="D27" s="5">
        <v>2.4E-2</v>
      </c>
      <c r="E27" s="5">
        <v>0.97599999999999998</v>
      </c>
      <c r="F27" s="5">
        <v>3.3000000000000002E-2</v>
      </c>
      <c r="G27" s="5">
        <v>0.96699999999999997</v>
      </c>
    </row>
    <row r="28" spans="1:7">
      <c r="A28" s="56" t="s">
        <v>31</v>
      </c>
      <c r="B28" s="6">
        <v>356</v>
      </c>
      <c r="C28" s="6">
        <v>156</v>
      </c>
      <c r="D28" s="4">
        <v>9</v>
      </c>
      <c r="E28" s="6">
        <v>503</v>
      </c>
      <c r="F28" s="6">
        <v>18</v>
      </c>
      <c r="G28" s="6">
        <v>494</v>
      </c>
    </row>
    <row r="29" spans="1:7">
      <c r="A29" s="57"/>
      <c r="B29" s="5">
        <v>0.69499999999999995</v>
      </c>
      <c r="C29" s="5">
        <v>0.30499999999999999</v>
      </c>
      <c r="D29" s="5">
        <v>1.7999999999999999E-2</v>
      </c>
      <c r="E29" s="5">
        <v>0.98199999999999998</v>
      </c>
      <c r="F29" s="5">
        <v>3.5000000000000003E-2</v>
      </c>
      <c r="G29" s="5">
        <v>0.96499999999999997</v>
      </c>
    </row>
    <row r="30" spans="1:7">
      <c r="A30" s="56" t="s">
        <v>32</v>
      </c>
      <c r="B30" s="6">
        <v>111</v>
      </c>
      <c r="C30" s="6">
        <v>43</v>
      </c>
      <c r="D30" s="6">
        <v>6</v>
      </c>
      <c r="E30" s="6">
        <v>148</v>
      </c>
      <c r="F30" s="6">
        <v>4</v>
      </c>
      <c r="G30" s="6">
        <v>150</v>
      </c>
    </row>
    <row r="31" spans="1:7">
      <c r="A31" s="57"/>
      <c r="B31" s="5">
        <v>0.72099999999999997</v>
      </c>
      <c r="C31" s="5">
        <v>0.27900000000000003</v>
      </c>
      <c r="D31" s="5">
        <v>3.9E-2</v>
      </c>
      <c r="E31" s="5">
        <v>0.96099999999999997</v>
      </c>
      <c r="F31" s="5">
        <v>2.5999999999999999E-2</v>
      </c>
      <c r="G31" s="5">
        <v>0.97399999999999998</v>
      </c>
    </row>
    <row r="32" spans="1:7">
      <c r="A32" s="58" t="s">
        <v>38</v>
      </c>
      <c r="B32" s="6">
        <v>88</v>
      </c>
      <c r="C32" s="6">
        <v>53</v>
      </c>
      <c r="D32" s="6">
        <v>2</v>
      </c>
      <c r="E32" s="6">
        <v>139</v>
      </c>
      <c r="F32" s="6">
        <v>10</v>
      </c>
      <c r="G32" s="6">
        <v>131</v>
      </c>
    </row>
    <row r="33" spans="1:7">
      <c r="A33" s="59"/>
      <c r="B33" s="5">
        <v>0.624</v>
      </c>
      <c r="C33" s="5">
        <v>0.376</v>
      </c>
      <c r="D33" s="5">
        <v>1.4E-2</v>
      </c>
      <c r="E33" s="5">
        <v>0.98599999999999999</v>
      </c>
      <c r="F33" s="5">
        <v>7.0999999999999994E-2</v>
      </c>
      <c r="G33" s="5">
        <v>0.92900000000000005</v>
      </c>
    </row>
    <row r="34" spans="1:7">
      <c r="A34" s="56" t="s">
        <v>33</v>
      </c>
      <c r="B34" s="6">
        <v>119</v>
      </c>
      <c r="C34" s="6">
        <v>73</v>
      </c>
      <c r="D34" s="6">
        <v>9</v>
      </c>
      <c r="E34" s="6">
        <v>183</v>
      </c>
      <c r="F34" s="6">
        <v>6</v>
      </c>
      <c r="G34" s="6">
        <v>186</v>
      </c>
    </row>
    <row r="35" spans="1:7">
      <c r="A35" s="57"/>
      <c r="B35" s="5">
        <v>0.62</v>
      </c>
      <c r="C35" s="5">
        <v>0.38</v>
      </c>
      <c r="D35" s="5">
        <v>4.7E-2</v>
      </c>
      <c r="E35" s="5">
        <v>0.95299999999999996</v>
      </c>
      <c r="F35" s="5">
        <v>3.1E-2</v>
      </c>
      <c r="G35" s="5">
        <v>0.96899999999999997</v>
      </c>
    </row>
    <row r="36" spans="1:7">
      <c r="A36" s="56" t="s">
        <v>34</v>
      </c>
      <c r="B36" s="6">
        <v>86</v>
      </c>
      <c r="C36" s="6">
        <v>40</v>
      </c>
      <c r="D36" s="6">
        <v>7</v>
      </c>
      <c r="E36" s="6">
        <v>119</v>
      </c>
      <c r="F36" s="6">
        <v>6</v>
      </c>
      <c r="G36" s="6">
        <v>120</v>
      </c>
    </row>
    <row r="37" spans="1:7">
      <c r="A37" s="57"/>
      <c r="B37" s="5">
        <v>0.68300000000000005</v>
      </c>
      <c r="C37" s="5">
        <v>0.317</v>
      </c>
      <c r="D37" s="5">
        <v>5.6000000000000001E-2</v>
      </c>
      <c r="E37" s="5">
        <v>0.94399999999999995</v>
      </c>
      <c r="F37" s="5">
        <v>4.8000000000000001E-2</v>
      </c>
      <c r="G37" s="5">
        <v>0.95199999999999996</v>
      </c>
    </row>
    <row r="38" spans="1:7">
      <c r="A38" s="56" t="s">
        <v>35</v>
      </c>
      <c r="B38" s="6">
        <v>178</v>
      </c>
      <c r="C38" s="6">
        <v>86</v>
      </c>
      <c r="D38" s="6">
        <v>8</v>
      </c>
      <c r="E38" s="6">
        <v>256</v>
      </c>
      <c r="F38" s="6">
        <v>17</v>
      </c>
      <c r="G38" s="6">
        <v>247</v>
      </c>
    </row>
    <row r="39" spans="1:7">
      <c r="A39" s="57"/>
      <c r="B39" s="5">
        <v>0.67400000000000004</v>
      </c>
      <c r="C39" s="5">
        <v>0.32600000000000001</v>
      </c>
      <c r="D39" s="5">
        <v>0.03</v>
      </c>
      <c r="E39" s="5">
        <v>0.97</v>
      </c>
      <c r="F39" s="5">
        <v>6.4000000000000001E-2</v>
      </c>
      <c r="G39" s="5">
        <v>0.93600000000000005</v>
      </c>
    </row>
    <row r="40" spans="1:7">
      <c r="A40" s="56" t="s">
        <v>36</v>
      </c>
      <c r="B40" s="6">
        <v>42</v>
      </c>
      <c r="C40" s="6">
        <v>26</v>
      </c>
      <c r="D40" s="6">
        <v>3</v>
      </c>
      <c r="E40" s="6">
        <v>65</v>
      </c>
      <c r="F40" s="6">
        <v>4</v>
      </c>
      <c r="G40" s="6">
        <v>64</v>
      </c>
    </row>
    <row r="41" spans="1:7">
      <c r="A41" s="57"/>
      <c r="B41" s="5">
        <v>0.61799999999999999</v>
      </c>
      <c r="C41" s="5">
        <v>0.38200000000000001</v>
      </c>
      <c r="D41" s="5">
        <v>4.3999999999999997E-2</v>
      </c>
      <c r="E41" s="5">
        <v>0.95599999999999996</v>
      </c>
      <c r="F41" s="5">
        <v>5.8999999999999997E-2</v>
      </c>
      <c r="G41" s="5">
        <v>0.94099999999999995</v>
      </c>
    </row>
    <row r="42" spans="1:7">
      <c r="A42" s="56" t="s">
        <v>29</v>
      </c>
      <c r="B42" s="4">
        <v>1528</v>
      </c>
      <c r="C42" s="4">
        <v>788</v>
      </c>
      <c r="D42" s="4">
        <v>65</v>
      </c>
      <c r="E42" s="4">
        <v>2251</v>
      </c>
      <c r="F42" s="4">
        <v>93</v>
      </c>
      <c r="G42" s="4">
        <v>2223</v>
      </c>
    </row>
    <row r="43" spans="1:7">
      <c r="A43" s="57"/>
      <c r="B43" s="5">
        <v>0.66</v>
      </c>
      <c r="C43" s="5">
        <v>0.34</v>
      </c>
      <c r="D43" s="5">
        <v>2.8000000000000001E-2</v>
      </c>
      <c r="E43" s="5">
        <v>0.97199999999999998</v>
      </c>
      <c r="F43" s="5">
        <v>0.04</v>
      </c>
      <c r="G43" s="5">
        <v>0.96</v>
      </c>
    </row>
    <row r="44" spans="1:7" ht="14.25" customHeight="1">
      <c r="A44" s="55" t="s">
        <v>615</v>
      </c>
      <c r="B44" s="55"/>
      <c r="C44" s="55"/>
      <c r="D44" s="55"/>
      <c r="E44" s="55"/>
      <c r="F44" s="55"/>
      <c r="G44" s="55"/>
    </row>
    <row r="45" spans="1:7">
      <c r="A45" s="55"/>
      <c r="B45" s="55"/>
      <c r="C45" s="55"/>
      <c r="D45" s="55"/>
      <c r="E45" s="55"/>
      <c r="F45" s="55"/>
      <c r="G45" s="55"/>
    </row>
  </sheetData>
  <mergeCells count="27">
    <mergeCell ref="F3:G3"/>
    <mergeCell ref="D24:E24"/>
    <mergeCell ref="F24:G24"/>
    <mergeCell ref="A44:G45"/>
    <mergeCell ref="A38:A39"/>
    <mergeCell ref="A40:A41"/>
    <mergeCell ref="A42:A43"/>
    <mergeCell ref="A26:A27"/>
    <mergeCell ref="A28:A29"/>
    <mergeCell ref="A30:A31"/>
    <mergeCell ref="A32:A33"/>
    <mergeCell ref="A34:A35"/>
    <mergeCell ref="A36:A37"/>
    <mergeCell ref="A3:A4"/>
    <mergeCell ref="B3:C3"/>
    <mergeCell ref="D3:E3"/>
    <mergeCell ref="B24:C24"/>
    <mergeCell ref="A17:A18"/>
    <mergeCell ref="A19:A20"/>
    <mergeCell ref="A21:A22"/>
    <mergeCell ref="A24:A25"/>
    <mergeCell ref="A15:A16"/>
    <mergeCell ref="A5:A6"/>
    <mergeCell ref="A7:A8"/>
    <mergeCell ref="A9:A10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2"/>
  <dimension ref="A1:M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675</v>
      </c>
    </row>
    <row r="2" spans="1:13" ht="14.25" customHeight="1">
      <c r="A2" s="41" t="s">
        <v>812</v>
      </c>
      <c r="C2" s="7"/>
      <c r="D2" s="7"/>
      <c r="E2" s="7"/>
      <c r="F2" s="7"/>
    </row>
    <row r="3" spans="1:13" ht="14.25" customHeight="1">
      <c r="A3" s="78" t="s">
        <v>202</v>
      </c>
      <c r="B3" s="53" t="s">
        <v>117</v>
      </c>
      <c r="C3" s="53"/>
      <c r="D3" s="53"/>
      <c r="E3" s="53"/>
      <c r="F3" s="53"/>
      <c r="G3" s="2"/>
    </row>
    <row r="4" spans="1:13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13">
      <c r="A5" s="73" t="s">
        <v>203</v>
      </c>
      <c r="B5" s="4">
        <v>931</v>
      </c>
      <c r="C5" s="4">
        <v>674</v>
      </c>
      <c r="D5" s="4">
        <v>56</v>
      </c>
      <c r="E5" s="4">
        <v>12</v>
      </c>
      <c r="F5" s="4">
        <v>1673</v>
      </c>
    </row>
    <row r="6" spans="1:13">
      <c r="A6" s="77"/>
      <c r="B6" s="5">
        <v>0.55600000000000005</v>
      </c>
      <c r="C6" s="5">
        <v>0.40300000000000002</v>
      </c>
      <c r="D6" s="5">
        <v>3.3000000000000002E-2</v>
      </c>
      <c r="E6" s="5">
        <v>7.0000000000000001E-3</v>
      </c>
      <c r="F6" s="5">
        <v>1</v>
      </c>
      <c r="I6" s="9"/>
      <c r="J6" s="9"/>
      <c r="K6" s="9"/>
      <c r="L6" s="9"/>
      <c r="M6" s="9"/>
    </row>
    <row r="7" spans="1:13">
      <c r="A7" s="73" t="s">
        <v>204</v>
      </c>
      <c r="B7" s="6">
        <v>986</v>
      </c>
      <c r="C7" s="6">
        <v>717</v>
      </c>
      <c r="D7" s="6">
        <v>56</v>
      </c>
      <c r="E7" s="6">
        <v>9</v>
      </c>
      <c r="F7" s="4">
        <v>1768</v>
      </c>
    </row>
    <row r="8" spans="1:13">
      <c r="A8" s="74"/>
      <c r="B8" s="5">
        <v>0.55800000000000005</v>
      </c>
      <c r="C8" s="5">
        <v>0.40600000000000003</v>
      </c>
      <c r="D8" s="5">
        <v>3.2000000000000001E-2</v>
      </c>
      <c r="E8" s="5">
        <v>5.0000000000000001E-3</v>
      </c>
      <c r="F8" s="5">
        <v>1</v>
      </c>
      <c r="I8" s="9"/>
      <c r="J8" s="9"/>
      <c r="K8" s="9"/>
      <c r="L8" s="9"/>
      <c r="M8" s="9"/>
    </row>
    <row r="9" spans="1:13">
      <c r="A9" s="73" t="s">
        <v>210</v>
      </c>
      <c r="B9" s="6">
        <v>138</v>
      </c>
      <c r="C9" s="6">
        <v>90</v>
      </c>
      <c r="D9" s="6">
        <v>10</v>
      </c>
      <c r="E9" s="6">
        <v>1</v>
      </c>
      <c r="F9" s="6">
        <v>239</v>
      </c>
    </row>
    <row r="10" spans="1:13">
      <c r="A10" s="74"/>
      <c r="B10" s="5">
        <v>0.57699999999999996</v>
      </c>
      <c r="C10" s="5">
        <v>0.377</v>
      </c>
      <c r="D10" s="5">
        <v>4.2000000000000003E-2</v>
      </c>
      <c r="E10" s="5">
        <v>4.0000000000000001E-3</v>
      </c>
      <c r="F10" s="5">
        <v>1</v>
      </c>
      <c r="I10" s="9"/>
      <c r="J10" s="9"/>
      <c r="K10" s="9"/>
      <c r="L10" s="9"/>
      <c r="M10" s="9"/>
    </row>
    <row r="11" spans="1:13" ht="14.25" customHeight="1">
      <c r="A11" s="73" t="s">
        <v>171</v>
      </c>
      <c r="B11" s="6">
        <v>2</v>
      </c>
      <c r="C11" s="6">
        <v>2</v>
      </c>
      <c r="D11" s="6">
        <v>0</v>
      </c>
      <c r="E11" s="6">
        <v>1</v>
      </c>
      <c r="F11" s="6">
        <v>5</v>
      </c>
    </row>
    <row r="12" spans="1:13">
      <c r="A12" s="74"/>
      <c r="B12" s="5">
        <v>0.4</v>
      </c>
      <c r="C12" s="5">
        <v>0.4</v>
      </c>
      <c r="D12" s="5">
        <v>0</v>
      </c>
      <c r="E12" s="5">
        <v>0.2</v>
      </c>
      <c r="F12" s="5">
        <v>1</v>
      </c>
      <c r="I12" s="9"/>
      <c r="J12" s="9"/>
      <c r="K12" s="9"/>
      <c r="L12" s="9"/>
      <c r="M12" s="9"/>
    </row>
    <row r="13" spans="1:13">
      <c r="A13" s="56" t="s">
        <v>29</v>
      </c>
      <c r="B13" s="4">
        <v>2057</v>
      </c>
      <c r="C13" s="4">
        <v>1483</v>
      </c>
      <c r="D13" s="4">
        <v>122</v>
      </c>
      <c r="E13" s="4">
        <v>23</v>
      </c>
      <c r="F13" s="4">
        <v>3685</v>
      </c>
    </row>
    <row r="14" spans="1:13">
      <c r="A14" s="57"/>
      <c r="B14" s="5">
        <v>0.55800000000000005</v>
      </c>
      <c r="C14" s="5">
        <v>0.40200000000000002</v>
      </c>
      <c r="D14" s="5">
        <v>3.3000000000000002E-2</v>
      </c>
      <c r="E14" s="5">
        <v>6.0000000000000001E-3</v>
      </c>
      <c r="F14" s="5">
        <v>1</v>
      </c>
      <c r="I14" s="9"/>
      <c r="J14" s="9"/>
      <c r="K14" s="9"/>
      <c r="L14" s="9"/>
      <c r="M14" s="9"/>
    </row>
    <row r="15" spans="1:13">
      <c r="A15" s="54" t="s">
        <v>118</v>
      </c>
      <c r="B15" s="54"/>
      <c r="C15" s="54"/>
      <c r="D15" s="54"/>
      <c r="E15" s="54"/>
      <c r="F15" s="54"/>
    </row>
    <row r="16" spans="1:13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3"/>
  <dimension ref="A1:J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0">
      <c r="A1" s="1" t="s">
        <v>676</v>
      </c>
    </row>
    <row r="2" spans="1:10" ht="14.25" customHeight="1">
      <c r="A2" s="41" t="s">
        <v>812</v>
      </c>
      <c r="C2" s="7"/>
      <c r="D2" s="7"/>
      <c r="E2" s="7"/>
    </row>
    <row r="3" spans="1:10" ht="14.25" customHeight="1">
      <c r="A3" s="78" t="s">
        <v>202</v>
      </c>
      <c r="B3" s="53" t="s">
        <v>120</v>
      </c>
      <c r="C3" s="53"/>
      <c r="D3" s="53"/>
      <c r="E3" s="53"/>
      <c r="F3" s="2"/>
    </row>
    <row r="4" spans="1:10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10">
      <c r="A5" s="73" t="s">
        <v>203</v>
      </c>
      <c r="B5" s="4">
        <v>1037</v>
      </c>
      <c r="C5" s="4">
        <v>631</v>
      </c>
      <c r="D5" s="4">
        <v>5</v>
      </c>
      <c r="E5" s="4">
        <v>1673</v>
      </c>
    </row>
    <row r="6" spans="1:10">
      <c r="A6" s="77"/>
      <c r="B6" s="5">
        <v>0.62</v>
      </c>
      <c r="C6" s="5">
        <v>0.377</v>
      </c>
      <c r="D6" s="5">
        <v>3.0000000000000001E-3</v>
      </c>
      <c r="E6" s="5">
        <v>1</v>
      </c>
      <c r="G6" s="9"/>
      <c r="H6" s="9"/>
      <c r="I6" s="9"/>
      <c r="J6" s="9"/>
    </row>
    <row r="7" spans="1:10">
      <c r="A7" s="73" t="s">
        <v>204</v>
      </c>
      <c r="B7" s="4">
        <v>1122</v>
      </c>
      <c r="C7" s="4">
        <v>643</v>
      </c>
      <c r="D7" s="4">
        <v>3</v>
      </c>
      <c r="E7" s="4">
        <v>1768</v>
      </c>
    </row>
    <row r="8" spans="1:10">
      <c r="A8" s="74"/>
      <c r="B8" s="5">
        <v>0.63500000000000001</v>
      </c>
      <c r="C8" s="5">
        <v>0.36399999999999999</v>
      </c>
      <c r="D8" s="5">
        <v>2E-3</v>
      </c>
      <c r="E8" s="5">
        <v>1</v>
      </c>
      <c r="G8" s="9"/>
      <c r="H8" s="9"/>
      <c r="I8" s="9"/>
      <c r="J8" s="9"/>
    </row>
    <row r="9" spans="1:10">
      <c r="A9" s="73" t="s">
        <v>210</v>
      </c>
      <c r="B9" s="6">
        <v>154</v>
      </c>
      <c r="C9" s="6">
        <v>84</v>
      </c>
      <c r="D9" s="6">
        <v>1</v>
      </c>
      <c r="E9" s="6">
        <v>239</v>
      </c>
    </row>
    <row r="10" spans="1:10">
      <c r="A10" s="74"/>
      <c r="B10" s="5">
        <v>0.64400000000000002</v>
      </c>
      <c r="C10" s="5">
        <v>0.35099999999999998</v>
      </c>
      <c r="D10" s="5">
        <v>4.0000000000000001E-3</v>
      </c>
      <c r="E10" s="5">
        <v>1</v>
      </c>
      <c r="G10" s="9"/>
      <c r="H10" s="9"/>
      <c r="I10" s="9"/>
      <c r="J10" s="9"/>
    </row>
    <row r="11" spans="1:10" ht="14.25" customHeight="1">
      <c r="A11" s="73" t="s">
        <v>171</v>
      </c>
      <c r="B11" s="6">
        <v>3</v>
      </c>
      <c r="C11" s="6">
        <v>1</v>
      </c>
      <c r="D11" s="6">
        <v>1</v>
      </c>
      <c r="E11" s="6">
        <v>5</v>
      </c>
    </row>
    <row r="12" spans="1:10">
      <c r="A12" s="74"/>
      <c r="B12" s="5">
        <v>0.6</v>
      </c>
      <c r="C12" s="5">
        <v>0.2</v>
      </c>
      <c r="D12" s="5">
        <v>0.2</v>
      </c>
      <c r="E12" s="5">
        <v>1</v>
      </c>
      <c r="G12" s="9"/>
      <c r="H12" s="9"/>
      <c r="I12" s="9"/>
      <c r="J12" s="9"/>
    </row>
    <row r="13" spans="1:10">
      <c r="A13" s="56" t="s">
        <v>29</v>
      </c>
      <c r="B13" s="4">
        <v>2316</v>
      </c>
      <c r="C13" s="4">
        <v>1359</v>
      </c>
      <c r="D13" s="4">
        <v>10</v>
      </c>
      <c r="E13" s="4">
        <v>3685</v>
      </c>
    </row>
    <row r="14" spans="1:10">
      <c r="A14" s="57"/>
      <c r="B14" s="5">
        <v>0.628</v>
      </c>
      <c r="C14" s="5">
        <v>0.36899999999999999</v>
      </c>
      <c r="D14" s="5">
        <v>3.0000000000000001E-3</v>
      </c>
      <c r="E14" s="5">
        <v>1</v>
      </c>
      <c r="G14" s="9"/>
      <c r="H14" s="9"/>
      <c r="I14" s="9"/>
      <c r="J14" s="9"/>
    </row>
    <row r="15" spans="1:10">
      <c r="A15" s="54" t="s">
        <v>121</v>
      </c>
      <c r="B15" s="54"/>
      <c r="C15" s="54"/>
      <c r="D15" s="54"/>
      <c r="E15" s="54"/>
    </row>
    <row r="16" spans="1:10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16">
      <c r="A1" s="1" t="s">
        <v>677</v>
      </c>
    </row>
    <row r="2" spans="1:16" ht="14.25" customHeight="1">
      <c r="A2" s="41" t="s">
        <v>812</v>
      </c>
      <c r="C2" s="7"/>
      <c r="D2" s="7"/>
      <c r="E2" s="7"/>
      <c r="F2" s="7"/>
      <c r="G2" s="7"/>
    </row>
    <row r="3" spans="1:16" ht="58.5" customHeight="1">
      <c r="A3" s="78" t="s">
        <v>202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16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16">
      <c r="A5" s="73" t="s">
        <v>203</v>
      </c>
      <c r="B5" s="4">
        <v>77</v>
      </c>
      <c r="C5" s="4">
        <v>960</v>
      </c>
      <c r="D5" s="4">
        <v>824</v>
      </c>
      <c r="E5" s="4">
        <v>213</v>
      </c>
      <c r="F5" s="4">
        <v>329</v>
      </c>
      <c r="G5" s="4">
        <v>708</v>
      </c>
    </row>
    <row r="6" spans="1:16">
      <c r="A6" s="77"/>
      <c r="B6" s="5">
        <v>7.3999999999999996E-2</v>
      </c>
      <c r="C6" s="5">
        <v>0.92600000000000005</v>
      </c>
      <c r="D6" s="5">
        <v>0.79500000000000004</v>
      </c>
      <c r="E6" s="5">
        <v>0.20499999999999999</v>
      </c>
      <c r="F6" s="5">
        <v>0.317</v>
      </c>
      <c r="G6" s="5">
        <v>0.68300000000000005</v>
      </c>
      <c r="H6" s="9"/>
      <c r="J6" s="9"/>
      <c r="K6" s="9"/>
      <c r="L6" s="9"/>
      <c r="N6" s="9"/>
      <c r="O6" s="9"/>
      <c r="P6" s="9"/>
    </row>
    <row r="7" spans="1:16">
      <c r="A7" s="73" t="s">
        <v>204</v>
      </c>
      <c r="B7" s="4">
        <v>93</v>
      </c>
      <c r="C7" s="4">
        <v>1029</v>
      </c>
      <c r="D7" s="4">
        <v>903</v>
      </c>
      <c r="E7" s="4">
        <v>219</v>
      </c>
      <c r="F7" s="4">
        <v>384</v>
      </c>
      <c r="G7" s="4">
        <v>738</v>
      </c>
    </row>
    <row r="8" spans="1:16">
      <c r="A8" s="74"/>
      <c r="B8" s="5">
        <v>8.3000000000000004E-2</v>
      </c>
      <c r="C8" s="5">
        <v>0.91700000000000004</v>
      </c>
      <c r="D8" s="5">
        <v>0.80500000000000005</v>
      </c>
      <c r="E8" s="5">
        <v>0.19500000000000001</v>
      </c>
      <c r="F8" s="5">
        <v>0.34200000000000003</v>
      </c>
      <c r="G8" s="5">
        <v>0.65800000000000003</v>
      </c>
      <c r="H8" s="9"/>
      <c r="J8" s="9"/>
      <c r="K8" s="9"/>
      <c r="L8" s="9"/>
      <c r="N8" s="9"/>
      <c r="O8" s="9"/>
      <c r="P8" s="9"/>
    </row>
    <row r="9" spans="1:16">
      <c r="A9" s="73" t="s">
        <v>210</v>
      </c>
      <c r="B9" s="6">
        <v>12</v>
      </c>
      <c r="C9" s="6">
        <v>142</v>
      </c>
      <c r="D9" s="6">
        <v>126</v>
      </c>
      <c r="E9" s="6">
        <v>28</v>
      </c>
      <c r="F9" s="6">
        <v>44</v>
      </c>
      <c r="G9" s="6">
        <v>110</v>
      </c>
    </row>
    <row r="10" spans="1:16">
      <c r="A10" s="74"/>
      <c r="B10" s="5">
        <v>7.8E-2</v>
      </c>
      <c r="C10" s="5">
        <v>0.92200000000000004</v>
      </c>
      <c r="D10" s="5">
        <v>0.81799999999999995</v>
      </c>
      <c r="E10" s="5">
        <v>0.182</v>
      </c>
      <c r="F10" s="5">
        <v>0.28599999999999998</v>
      </c>
      <c r="G10" s="5">
        <v>0.71399999999999997</v>
      </c>
      <c r="H10" s="9"/>
      <c r="J10" s="9"/>
      <c r="K10" s="9"/>
      <c r="L10" s="9"/>
      <c r="N10" s="9"/>
      <c r="O10" s="9"/>
      <c r="P10" s="9"/>
    </row>
    <row r="11" spans="1:16">
      <c r="A11" s="56" t="s">
        <v>171</v>
      </c>
      <c r="B11" s="6">
        <v>1</v>
      </c>
      <c r="C11" s="6">
        <v>2</v>
      </c>
      <c r="D11" s="6">
        <v>2</v>
      </c>
      <c r="E11" s="6">
        <v>1</v>
      </c>
      <c r="F11" s="6">
        <v>0</v>
      </c>
      <c r="G11" s="6">
        <v>3</v>
      </c>
    </row>
    <row r="12" spans="1:16">
      <c r="A12" s="57"/>
      <c r="B12" s="5">
        <v>0.33300000000000002</v>
      </c>
      <c r="C12" s="5">
        <v>0.66700000000000004</v>
      </c>
      <c r="D12" s="5">
        <v>0.66700000000000004</v>
      </c>
      <c r="E12" s="5">
        <v>0.33300000000000002</v>
      </c>
      <c r="F12" s="5">
        <v>0</v>
      </c>
      <c r="G12" s="5">
        <v>1</v>
      </c>
      <c r="H12" s="9"/>
      <c r="J12" s="9"/>
      <c r="K12" s="9"/>
      <c r="L12" s="9"/>
      <c r="N12" s="9"/>
      <c r="O12" s="9"/>
      <c r="P12" s="9"/>
    </row>
    <row r="13" spans="1:16">
      <c r="A13" s="56" t="s">
        <v>29</v>
      </c>
      <c r="B13" s="4">
        <v>183</v>
      </c>
      <c r="C13" s="4">
        <v>2133</v>
      </c>
      <c r="D13" s="4">
        <v>1855</v>
      </c>
      <c r="E13" s="4">
        <v>461</v>
      </c>
      <c r="F13" s="4">
        <v>757</v>
      </c>
      <c r="G13" s="4">
        <v>1559</v>
      </c>
    </row>
    <row r="14" spans="1:16">
      <c r="A14" s="57"/>
      <c r="B14" s="5">
        <v>7.9000000000000001E-2</v>
      </c>
      <c r="C14" s="5">
        <v>0.92100000000000004</v>
      </c>
      <c r="D14" s="5">
        <v>0.80100000000000005</v>
      </c>
      <c r="E14" s="5">
        <v>0.19900000000000001</v>
      </c>
      <c r="F14" s="5">
        <v>0.32700000000000001</v>
      </c>
      <c r="G14" s="5">
        <v>0.67300000000000004</v>
      </c>
      <c r="H14" s="9"/>
      <c r="J14" s="9"/>
      <c r="K14" s="9"/>
      <c r="L14" s="9"/>
      <c r="N14" s="9"/>
      <c r="O14" s="9"/>
      <c r="P14" s="9"/>
    </row>
    <row r="16" spans="1:16" ht="33" customHeight="1">
      <c r="A16" s="78" t="s">
        <v>202</v>
      </c>
      <c r="B16" s="62" t="s">
        <v>243</v>
      </c>
      <c r="C16" s="63"/>
      <c r="D16" s="62" t="s">
        <v>244</v>
      </c>
      <c r="E16" s="63"/>
      <c r="F16" s="62" t="s">
        <v>245</v>
      </c>
      <c r="G16" s="64"/>
    </row>
    <row r="17" spans="1:12">
      <c r="A17" s="78"/>
      <c r="B17" s="8" t="s">
        <v>190</v>
      </c>
      <c r="C17" s="8" t="s">
        <v>191</v>
      </c>
      <c r="D17" s="8" t="s">
        <v>190</v>
      </c>
      <c r="E17" s="8" t="s">
        <v>191</v>
      </c>
      <c r="F17" s="8" t="s">
        <v>190</v>
      </c>
      <c r="G17" s="8" t="s">
        <v>191</v>
      </c>
    </row>
    <row r="18" spans="1:12">
      <c r="A18" s="73" t="s">
        <v>203</v>
      </c>
      <c r="B18" s="4">
        <v>680</v>
      </c>
      <c r="C18" s="4">
        <v>357</v>
      </c>
      <c r="D18" s="4">
        <v>30</v>
      </c>
      <c r="E18" s="4">
        <v>1007</v>
      </c>
      <c r="F18" s="4">
        <v>62</v>
      </c>
      <c r="G18" s="4">
        <v>975</v>
      </c>
    </row>
    <row r="19" spans="1:12">
      <c r="A19" s="77"/>
      <c r="B19" s="5">
        <v>0.65600000000000003</v>
      </c>
      <c r="C19" s="5">
        <v>0.34399999999999997</v>
      </c>
      <c r="D19" s="5">
        <v>2.9000000000000001E-2</v>
      </c>
      <c r="E19" s="5">
        <v>0.97099999999999997</v>
      </c>
      <c r="F19" s="5">
        <v>0.06</v>
      </c>
      <c r="G19" s="5">
        <v>0.94</v>
      </c>
      <c r="H19" s="9"/>
      <c r="J19" s="9"/>
      <c r="K19" s="9"/>
      <c r="L19" s="9"/>
    </row>
    <row r="20" spans="1:12">
      <c r="A20" s="73" t="s">
        <v>204</v>
      </c>
      <c r="B20" s="4">
        <v>740</v>
      </c>
      <c r="C20" s="4">
        <v>382</v>
      </c>
      <c r="D20" s="4">
        <v>33</v>
      </c>
      <c r="E20" s="4">
        <v>1089</v>
      </c>
      <c r="F20" s="4">
        <v>30</v>
      </c>
      <c r="G20" s="4">
        <v>1092</v>
      </c>
    </row>
    <row r="21" spans="1:12">
      <c r="A21" s="74"/>
      <c r="B21" s="5">
        <v>0.66</v>
      </c>
      <c r="C21" s="5">
        <v>0.34</v>
      </c>
      <c r="D21" s="5">
        <v>2.9000000000000001E-2</v>
      </c>
      <c r="E21" s="5">
        <v>0.97099999999999997</v>
      </c>
      <c r="F21" s="5">
        <v>2.7E-2</v>
      </c>
      <c r="G21" s="5">
        <v>0.97299999999999998</v>
      </c>
      <c r="H21" s="9"/>
      <c r="J21" s="9"/>
      <c r="K21" s="9"/>
      <c r="L21" s="9"/>
    </row>
    <row r="22" spans="1:12">
      <c r="A22" s="73" t="s">
        <v>210</v>
      </c>
      <c r="B22" s="6">
        <v>107</v>
      </c>
      <c r="C22" s="6">
        <v>47</v>
      </c>
      <c r="D22" s="6">
        <v>2</v>
      </c>
      <c r="E22" s="6">
        <v>152</v>
      </c>
      <c r="F22" s="6">
        <v>1</v>
      </c>
      <c r="G22" s="6">
        <v>153</v>
      </c>
    </row>
    <row r="23" spans="1:12">
      <c r="A23" s="74"/>
      <c r="B23" s="5">
        <v>0.69499999999999995</v>
      </c>
      <c r="C23" s="5">
        <v>0.30499999999999999</v>
      </c>
      <c r="D23" s="5">
        <v>1.2999999999999999E-2</v>
      </c>
      <c r="E23" s="5">
        <v>0.98699999999999999</v>
      </c>
      <c r="F23" s="5">
        <v>6.0000000000000001E-3</v>
      </c>
      <c r="G23" s="5">
        <v>0.99399999999999999</v>
      </c>
      <c r="H23" s="9"/>
      <c r="J23" s="9"/>
      <c r="K23" s="9"/>
      <c r="L23" s="9"/>
    </row>
    <row r="24" spans="1:12">
      <c r="A24" s="56" t="s">
        <v>171</v>
      </c>
      <c r="B24" s="6">
        <v>1</v>
      </c>
      <c r="C24" s="6">
        <v>2</v>
      </c>
      <c r="D24" s="6">
        <v>0</v>
      </c>
      <c r="E24" s="6">
        <v>3</v>
      </c>
      <c r="F24" s="6">
        <v>0</v>
      </c>
      <c r="G24" s="6">
        <v>3</v>
      </c>
    </row>
    <row r="25" spans="1:12">
      <c r="A25" s="57"/>
      <c r="B25" s="5">
        <v>0.33300000000000002</v>
      </c>
      <c r="C25" s="5">
        <v>0.66700000000000004</v>
      </c>
      <c r="D25" s="5">
        <v>0</v>
      </c>
      <c r="E25" s="5">
        <v>1</v>
      </c>
      <c r="F25" s="5">
        <v>0</v>
      </c>
      <c r="G25" s="5">
        <v>1</v>
      </c>
      <c r="H25" s="9"/>
      <c r="J25" s="9"/>
      <c r="K25" s="9"/>
      <c r="L25" s="9"/>
    </row>
    <row r="26" spans="1:12">
      <c r="A26" s="56" t="s">
        <v>29</v>
      </c>
      <c r="B26" s="4">
        <v>1528</v>
      </c>
      <c r="C26" s="4">
        <v>788</v>
      </c>
      <c r="D26" s="4">
        <v>65</v>
      </c>
      <c r="E26" s="4">
        <v>2251</v>
      </c>
      <c r="F26" s="4">
        <v>93</v>
      </c>
      <c r="G26" s="4">
        <v>2223</v>
      </c>
    </row>
    <row r="27" spans="1:12">
      <c r="A27" s="57"/>
      <c r="B27" s="5">
        <v>0.66</v>
      </c>
      <c r="C27" s="5">
        <v>0.34</v>
      </c>
      <c r="D27" s="5">
        <v>2.8000000000000001E-2</v>
      </c>
      <c r="E27" s="5">
        <v>0.97199999999999998</v>
      </c>
      <c r="F27" s="5">
        <v>0.04</v>
      </c>
      <c r="G27" s="5">
        <v>0.96</v>
      </c>
      <c r="H27" s="9"/>
      <c r="J27" s="9"/>
      <c r="K27" s="9"/>
      <c r="L27" s="9"/>
    </row>
    <row r="29" spans="1:12" ht="45.75" customHeight="1">
      <c r="A29" s="78" t="s">
        <v>202</v>
      </c>
      <c r="B29" s="62" t="s">
        <v>246</v>
      </c>
      <c r="C29" s="64"/>
      <c r="D29" s="62" t="s">
        <v>247</v>
      </c>
      <c r="E29" s="64"/>
      <c r="F29" s="62" t="s">
        <v>248</v>
      </c>
      <c r="G29" s="64"/>
    </row>
    <row r="30" spans="1:12">
      <c r="A30" s="78"/>
      <c r="B30" s="8" t="s">
        <v>190</v>
      </c>
      <c r="C30" s="8" t="s">
        <v>191</v>
      </c>
      <c r="D30" s="8" t="s">
        <v>190</v>
      </c>
      <c r="E30" s="8" t="s">
        <v>191</v>
      </c>
      <c r="F30" s="8" t="s">
        <v>190</v>
      </c>
      <c r="G30" s="8" t="s">
        <v>191</v>
      </c>
    </row>
    <row r="31" spans="1:12">
      <c r="A31" s="73" t="s">
        <v>203</v>
      </c>
      <c r="B31" s="4">
        <v>33</v>
      </c>
      <c r="C31" s="4">
        <v>1004</v>
      </c>
      <c r="D31" s="4">
        <v>1</v>
      </c>
      <c r="E31" s="4">
        <v>1036</v>
      </c>
      <c r="F31" s="4">
        <v>19</v>
      </c>
      <c r="G31" s="4">
        <v>1018</v>
      </c>
    </row>
    <row r="32" spans="1:12">
      <c r="A32" s="77"/>
      <c r="B32" s="5">
        <v>3.2000000000000001E-2</v>
      </c>
      <c r="C32" s="5">
        <v>0.96799999999999997</v>
      </c>
      <c r="D32" s="5">
        <v>1E-3</v>
      </c>
      <c r="E32" s="5">
        <v>0.999</v>
      </c>
      <c r="F32" s="5">
        <v>1.7999999999999999E-2</v>
      </c>
      <c r="G32" s="5">
        <v>0.98199999999999998</v>
      </c>
      <c r="H32" s="9"/>
      <c r="J32" s="9"/>
      <c r="K32" s="9"/>
      <c r="L32" s="9"/>
    </row>
    <row r="33" spans="1:12">
      <c r="A33" s="73" t="s">
        <v>204</v>
      </c>
      <c r="B33" s="4">
        <v>68</v>
      </c>
      <c r="C33" s="4">
        <v>1054</v>
      </c>
      <c r="D33" s="4">
        <v>4</v>
      </c>
      <c r="E33" s="4">
        <v>1118</v>
      </c>
      <c r="F33" s="4">
        <v>22</v>
      </c>
      <c r="G33" s="4">
        <v>1100</v>
      </c>
    </row>
    <row r="34" spans="1:12">
      <c r="A34" s="74"/>
      <c r="B34" s="5">
        <v>6.0999999999999999E-2</v>
      </c>
      <c r="C34" s="5">
        <v>0.93899999999999995</v>
      </c>
      <c r="D34" s="5">
        <v>4.0000000000000001E-3</v>
      </c>
      <c r="E34" s="5">
        <v>0.996</v>
      </c>
      <c r="F34" s="5">
        <v>0.02</v>
      </c>
      <c r="G34" s="5">
        <v>0.98</v>
      </c>
      <c r="H34" s="9"/>
      <c r="J34" s="9"/>
      <c r="K34" s="9"/>
      <c r="L34" s="9"/>
    </row>
    <row r="35" spans="1:12">
      <c r="A35" s="73" t="s">
        <v>210</v>
      </c>
      <c r="B35" s="6">
        <v>13</v>
      </c>
      <c r="C35" s="6">
        <v>141</v>
      </c>
      <c r="D35" s="6">
        <v>1</v>
      </c>
      <c r="E35" s="6">
        <v>153</v>
      </c>
      <c r="F35" s="6">
        <v>3</v>
      </c>
      <c r="G35" s="6">
        <v>151</v>
      </c>
    </row>
    <row r="36" spans="1:12">
      <c r="A36" s="74"/>
      <c r="B36" s="5">
        <v>8.4000000000000005E-2</v>
      </c>
      <c r="C36" s="5">
        <v>0.91600000000000004</v>
      </c>
      <c r="D36" s="5">
        <v>6.0000000000000001E-3</v>
      </c>
      <c r="E36" s="5">
        <v>0.99399999999999999</v>
      </c>
      <c r="F36" s="5">
        <v>1.9E-2</v>
      </c>
      <c r="G36" s="5">
        <v>0.98099999999999998</v>
      </c>
      <c r="H36" s="9"/>
      <c r="J36" s="9"/>
      <c r="K36" s="9"/>
      <c r="L36" s="9"/>
    </row>
    <row r="37" spans="1:12">
      <c r="A37" s="56" t="s">
        <v>171</v>
      </c>
      <c r="B37" s="6">
        <v>0</v>
      </c>
      <c r="C37" s="6">
        <v>3</v>
      </c>
      <c r="D37" s="6">
        <v>0</v>
      </c>
      <c r="E37" s="6">
        <v>3</v>
      </c>
      <c r="F37" s="6">
        <v>0</v>
      </c>
      <c r="G37" s="6">
        <v>3</v>
      </c>
    </row>
    <row r="38" spans="1:12">
      <c r="A38" s="57"/>
      <c r="B38" s="5">
        <v>0</v>
      </c>
      <c r="C38" s="5">
        <v>1</v>
      </c>
      <c r="D38" s="5">
        <v>0</v>
      </c>
      <c r="E38" s="5">
        <v>1</v>
      </c>
      <c r="F38" s="5">
        <v>0</v>
      </c>
      <c r="G38" s="5">
        <v>1</v>
      </c>
      <c r="H38" s="9"/>
      <c r="J38" s="9"/>
      <c r="K38" s="9"/>
      <c r="L38" s="9"/>
    </row>
    <row r="39" spans="1:12">
      <c r="A39" s="56" t="s">
        <v>29</v>
      </c>
      <c r="B39" s="4">
        <v>114</v>
      </c>
      <c r="C39" s="4">
        <v>2202</v>
      </c>
      <c r="D39" s="4">
        <v>6</v>
      </c>
      <c r="E39" s="4">
        <v>2310</v>
      </c>
      <c r="F39" s="4">
        <v>44</v>
      </c>
      <c r="G39" s="4">
        <v>2272</v>
      </c>
    </row>
    <row r="40" spans="1:12">
      <c r="A40" s="57"/>
      <c r="B40" s="5">
        <v>4.9000000000000002E-2</v>
      </c>
      <c r="C40" s="5">
        <v>0.95099999999999996</v>
      </c>
      <c r="D40" s="5">
        <v>3.0000000000000001E-3</v>
      </c>
      <c r="E40" s="5">
        <v>0.997</v>
      </c>
      <c r="F40" s="5">
        <v>1.9E-2</v>
      </c>
      <c r="G40" s="5">
        <v>0.98099999999999998</v>
      </c>
      <c r="H40" s="9"/>
      <c r="J40" s="9"/>
      <c r="K40" s="9"/>
      <c r="L40" s="9"/>
    </row>
    <row r="41" spans="1:12">
      <c r="A41" s="55" t="s">
        <v>631</v>
      </c>
      <c r="B41" s="55"/>
      <c r="C41" s="55"/>
      <c r="D41" s="55"/>
      <c r="E41" s="55"/>
      <c r="F41" s="55"/>
      <c r="G41" s="55"/>
    </row>
    <row r="42" spans="1:12">
      <c r="A42" s="55"/>
      <c r="B42" s="55"/>
      <c r="C42" s="55"/>
      <c r="D42" s="55"/>
      <c r="E42" s="55"/>
      <c r="F42" s="55"/>
      <c r="G42" s="55"/>
    </row>
  </sheetData>
  <mergeCells count="28">
    <mergeCell ref="A41:G42"/>
    <mergeCell ref="B29:C29"/>
    <mergeCell ref="A31:A32"/>
    <mergeCell ref="A33:A34"/>
    <mergeCell ref="A35:A36"/>
    <mergeCell ref="A37:A38"/>
    <mergeCell ref="A39:A40"/>
    <mergeCell ref="A29:A30"/>
    <mergeCell ref="D29:E29"/>
    <mergeCell ref="F29:G29"/>
    <mergeCell ref="A3:A4"/>
    <mergeCell ref="B3:C3"/>
    <mergeCell ref="D3:E3"/>
    <mergeCell ref="F3:G3"/>
    <mergeCell ref="A5:A6"/>
    <mergeCell ref="A7:A8"/>
    <mergeCell ref="A9:A10"/>
    <mergeCell ref="A11:A12"/>
    <mergeCell ref="A13:A14"/>
    <mergeCell ref="A16:A17"/>
    <mergeCell ref="A24:A25"/>
    <mergeCell ref="A26:A27"/>
    <mergeCell ref="F16:G16"/>
    <mergeCell ref="B16:C16"/>
    <mergeCell ref="D16:E16"/>
    <mergeCell ref="A18:A19"/>
    <mergeCell ref="A20:A21"/>
    <mergeCell ref="A22:A23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5"/>
  <dimension ref="A1:J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0">
      <c r="A1" s="1" t="s">
        <v>678</v>
      </c>
    </row>
    <row r="2" spans="1:10" ht="14.25" customHeight="1">
      <c r="A2" s="41" t="s">
        <v>812</v>
      </c>
      <c r="C2" s="7"/>
      <c r="D2" s="7"/>
      <c r="E2" s="7"/>
    </row>
    <row r="3" spans="1:10" ht="14.25" customHeight="1">
      <c r="A3" s="78" t="s">
        <v>202</v>
      </c>
      <c r="B3" s="53" t="s">
        <v>122</v>
      </c>
      <c r="C3" s="53"/>
      <c r="D3" s="53"/>
      <c r="E3" s="53"/>
      <c r="F3" s="2"/>
    </row>
    <row r="4" spans="1:10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10">
      <c r="A5" s="73" t="s">
        <v>203</v>
      </c>
      <c r="B5" s="4">
        <v>916</v>
      </c>
      <c r="C5" s="4">
        <v>748</v>
      </c>
      <c r="D5" s="4">
        <v>9</v>
      </c>
      <c r="E5" s="4">
        <v>1673</v>
      </c>
    </row>
    <row r="6" spans="1:10">
      <c r="A6" s="77"/>
      <c r="B6" s="5">
        <v>0.54800000000000004</v>
      </c>
      <c r="C6" s="5">
        <v>0.44700000000000001</v>
      </c>
      <c r="D6" s="5">
        <v>5.0000000000000001E-3</v>
      </c>
      <c r="E6" s="5">
        <v>1</v>
      </c>
      <c r="G6" s="9"/>
      <c r="H6" s="9"/>
      <c r="I6" s="9"/>
      <c r="J6" s="9"/>
    </row>
    <row r="7" spans="1:10">
      <c r="A7" s="73" t="s">
        <v>204</v>
      </c>
      <c r="B7" s="6">
        <v>979</v>
      </c>
      <c r="C7" s="6">
        <v>785</v>
      </c>
      <c r="D7" s="6">
        <v>4</v>
      </c>
      <c r="E7" s="4">
        <v>1768</v>
      </c>
    </row>
    <row r="8" spans="1:10">
      <c r="A8" s="74"/>
      <c r="B8" s="5">
        <v>0.55400000000000005</v>
      </c>
      <c r="C8" s="5">
        <v>0.44400000000000001</v>
      </c>
      <c r="D8" s="5">
        <v>2E-3</v>
      </c>
      <c r="E8" s="5">
        <v>1</v>
      </c>
      <c r="G8" s="9"/>
      <c r="H8" s="9"/>
      <c r="I8" s="9"/>
      <c r="J8" s="9"/>
    </row>
    <row r="9" spans="1:10">
      <c r="A9" s="73" t="s">
        <v>210</v>
      </c>
      <c r="B9" s="6">
        <v>132</v>
      </c>
      <c r="C9" s="6">
        <v>106</v>
      </c>
      <c r="D9" s="6">
        <v>1</v>
      </c>
      <c r="E9" s="6">
        <v>239</v>
      </c>
    </row>
    <row r="10" spans="1:10">
      <c r="A10" s="74"/>
      <c r="B10" s="5">
        <v>0.55200000000000005</v>
      </c>
      <c r="C10" s="5">
        <v>0.44400000000000001</v>
      </c>
      <c r="D10" s="5">
        <v>4.0000000000000001E-3</v>
      </c>
      <c r="E10" s="5">
        <v>1</v>
      </c>
      <c r="G10" s="9"/>
      <c r="H10" s="9"/>
      <c r="I10" s="9"/>
      <c r="J10" s="9"/>
    </row>
    <row r="11" spans="1:10" ht="14.25" customHeight="1">
      <c r="A11" s="73" t="s">
        <v>171</v>
      </c>
      <c r="B11" s="6">
        <v>3</v>
      </c>
      <c r="C11" s="6">
        <v>1</v>
      </c>
      <c r="D11" s="6">
        <v>1</v>
      </c>
      <c r="E11" s="6">
        <v>5</v>
      </c>
    </row>
    <row r="12" spans="1:10">
      <c r="A12" s="74"/>
      <c r="B12" s="5">
        <v>0.6</v>
      </c>
      <c r="C12" s="5">
        <v>0.2</v>
      </c>
      <c r="D12" s="5">
        <v>0.2</v>
      </c>
      <c r="E12" s="5">
        <v>1</v>
      </c>
      <c r="G12" s="9"/>
      <c r="H12" s="9"/>
      <c r="I12" s="9"/>
      <c r="J12" s="9"/>
    </row>
    <row r="13" spans="1:10">
      <c r="A13" s="56" t="s">
        <v>29</v>
      </c>
      <c r="B13" s="4">
        <v>2030</v>
      </c>
      <c r="C13" s="4">
        <v>1640</v>
      </c>
      <c r="D13" s="4">
        <v>15</v>
      </c>
      <c r="E13" s="4">
        <v>3685</v>
      </c>
    </row>
    <row r="14" spans="1:10">
      <c r="A14" s="57"/>
      <c r="B14" s="5">
        <v>0.55100000000000005</v>
      </c>
      <c r="C14" s="5">
        <v>0.44500000000000001</v>
      </c>
      <c r="D14" s="5">
        <v>4.0000000000000001E-3</v>
      </c>
      <c r="E14" s="5">
        <v>1</v>
      </c>
      <c r="G14" s="9"/>
      <c r="H14" s="9"/>
      <c r="I14" s="9"/>
      <c r="J14" s="9"/>
    </row>
    <row r="15" spans="1:10">
      <c r="A15" s="54" t="s">
        <v>123</v>
      </c>
      <c r="B15" s="54"/>
      <c r="C15" s="54"/>
      <c r="D15" s="54"/>
      <c r="E15" s="54"/>
    </row>
    <row r="16" spans="1:10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6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79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2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03</v>
      </c>
      <c r="B5" s="4">
        <v>666</v>
      </c>
      <c r="C5" s="4">
        <v>194</v>
      </c>
      <c r="D5" s="4">
        <v>56</v>
      </c>
      <c r="E5" s="4">
        <v>916</v>
      </c>
    </row>
    <row r="6" spans="1:6">
      <c r="A6" s="77"/>
      <c r="B6" s="5">
        <v>0.72699999999999998</v>
      </c>
      <c r="C6" s="5">
        <v>0.21199999999999999</v>
      </c>
      <c r="D6" s="5">
        <v>6.0999999999999999E-2</v>
      </c>
      <c r="E6" s="5">
        <v>1</v>
      </c>
    </row>
    <row r="7" spans="1:6">
      <c r="A7" s="73" t="s">
        <v>204</v>
      </c>
      <c r="B7" s="6">
        <v>684</v>
      </c>
      <c r="C7" s="6">
        <v>230</v>
      </c>
      <c r="D7" s="6">
        <v>65</v>
      </c>
      <c r="E7" s="4">
        <v>979</v>
      </c>
    </row>
    <row r="8" spans="1:6">
      <c r="A8" s="74"/>
      <c r="B8" s="5">
        <v>0.69899999999999995</v>
      </c>
      <c r="C8" s="5">
        <v>0.23499999999999999</v>
      </c>
      <c r="D8" s="5">
        <v>6.6000000000000003E-2</v>
      </c>
      <c r="E8" s="5">
        <v>1</v>
      </c>
    </row>
    <row r="9" spans="1:6">
      <c r="A9" s="73" t="s">
        <v>210</v>
      </c>
      <c r="B9" s="6">
        <v>92</v>
      </c>
      <c r="C9" s="6">
        <v>37</v>
      </c>
      <c r="D9" s="6">
        <v>3</v>
      </c>
      <c r="E9" s="6">
        <v>132</v>
      </c>
    </row>
    <row r="10" spans="1:6">
      <c r="A10" s="74"/>
      <c r="B10" s="5">
        <v>0.69699999999999995</v>
      </c>
      <c r="C10" s="5">
        <v>0.28000000000000003</v>
      </c>
      <c r="D10" s="5">
        <v>2.3E-2</v>
      </c>
      <c r="E10" s="5">
        <v>1</v>
      </c>
    </row>
    <row r="11" spans="1:6" ht="14.25" customHeight="1">
      <c r="A11" s="73" t="s">
        <v>171</v>
      </c>
      <c r="B11" s="6">
        <v>2</v>
      </c>
      <c r="C11" s="6">
        <v>0</v>
      </c>
      <c r="D11" s="6">
        <v>1</v>
      </c>
      <c r="E11" s="6">
        <v>3</v>
      </c>
    </row>
    <row r="12" spans="1:6">
      <c r="A12" s="74"/>
      <c r="B12" s="5">
        <v>0.66700000000000004</v>
      </c>
      <c r="C12" s="5">
        <v>0</v>
      </c>
      <c r="D12" s="5">
        <v>0.33300000000000002</v>
      </c>
      <c r="E12" s="5">
        <v>1</v>
      </c>
    </row>
    <row r="13" spans="1:6">
      <c r="A13" s="56" t="s">
        <v>29</v>
      </c>
      <c r="B13" s="4">
        <v>1444</v>
      </c>
      <c r="C13" s="4">
        <v>461</v>
      </c>
      <c r="D13" s="4">
        <v>125</v>
      </c>
      <c r="E13" s="4">
        <v>2030</v>
      </c>
    </row>
    <row r="14" spans="1:6">
      <c r="A14" s="57"/>
      <c r="B14" s="5">
        <v>0.71099999999999997</v>
      </c>
      <c r="C14" s="5">
        <v>0.22700000000000001</v>
      </c>
      <c r="D14" s="5">
        <v>6.2E-2</v>
      </c>
      <c r="E14" s="5">
        <v>1</v>
      </c>
    </row>
    <row r="15" spans="1:6">
      <c r="A15" s="54" t="s">
        <v>125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7"/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680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02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73" t="s">
        <v>203</v>
      </c>
      <c r="B5" s="4">
        <v>293</v>
      </c>
      <c r="C5" s="4">
        <v>571</v>
      </c>
      <c r="D5" s="4">
        <v>463</v>
      </c>
      <c r="E5" s="4">
        <v>287</v>
      </c>
      <c r="F5" s="4">
        <v>59</v>
      </c>
      <c r="G5" s="4">
        <v>1673</v>
      </c>
    </row>
    <row r="6" spans="1:8">
      <c r="A6" s="77"/>
      <c r="B6" s="5">
        <v>0.17499999999999999</v>
      </c>
      <c r="C6" s="5">
        <v>0.34100000000000003</v>
      </c>
      <c r="D6" s="5">
        <v>0.27700000000000002</v>
      </c>
      <c r="E6" s="5">
        <v>0.17199999999999999</v>
      </c>
      <c r="F6" s="5">
        <v>3.5000000000000003E-2</v>
      </c>
      <c r="G6" s="5">
        <v>1</v>
      </c>
    </row>
    <row r="7" spans="1:8">
      <c r="A7" s="73" t="s">
        <v>204</v>
      </c>
      <c r="B7" s="6">
        <v>265</v>
      </c>
      <c r="C7" s="6">
        <v>605</v>
      </c>
      <c r="D7" s="6">
        <v>545</v>
      </c>
      <c r="E7" s="6">
        <v>300</v>
      </c>
      <c r="F7" s="6">
        <v>53</v>
      </c>
      <c r="G7" s="4">
        <v>1768</v>
      </c>
    </row>
    <row r="8" spans="1:8">
      <c r="A8" s="74"/>
      <c r="B8" s="5">
        <v>0.15</v>
      </c>
      <c r="C8" s="5">
        <v>0.34200000000000003</v>
      </c>
      <c r="D8" s="5">
        <v>0.308</v>
      </c>
      <c r="E8" s="5">
        <v>0.17</v>
      </c>
      <c r="F8" s="5">
        <v>0.03</v>
      </c>
      <c r="G8" s="5">
        <v>1</v>
      </c>
    </row>
    <row r="9" spans="1:8">
      <c r="A9" s="73" t="s">
        <v>210</v>
      </c>
      <c r="B9" s="6">
        <v>36</v>
      </c>
      <c r="C9" s="6">
        <v>81</v>
      </c>
      <c r="D9" s="6">
        <v>69</v>
      </c>
      <c r="E9" s="6">
        <v>43</v>
      </c>
      <c r="F9" s="6">
        <v>10</v>
      </c>
      <c r="G9" s="6">
        <v>239</v>
      </c>
    </row>
    <row r="10" spans="1:8">
      <c r="A10" s="74"/>
      <c r="B10" s="5">
        <v>0.151</v>
      </c>
      <c r="C10" s="5">
        <v>0.33900000000000002</v>
      </c>
      <c r="D10" s="5">
        <v>0.28899999999999998</v>
      </c>
      <c r="E10" s="5">
        <v>0.18</v>
      </c>
      <c r="F10" s="5">
        <v>4.2000000000000003E-2</v>
      </c>
      <c r="G10" s="5">
        <v>1</v>
      </c>
    </row>
    <row r="11" spans="1:8" ht="14.25" customHeight="1">
      <c r="A11" s="73" t="s">
        <v>171</v>
      </c>
      <c r="B11" s="6">
        <v>0</v>
      </c>
      <c r="C11" s="6">
        <v>2</v>
      </c>
      <c r="D11" s="6">
        <v>1</v>
      </c>
      <c r="E11" s="6">
        <v>1</v>
      </c>
      <c r="F11" s="6">
        <v>1</v>
      </c>
      <c r="G11" s="6">
        <v>5</v>
      </c>
    </row>
    <row r="12" spans="1:8">
      <c r="A12" s="74"/>
      <c r="B12" s="5">
        <v>0</v>
      </c>
      <c r="C12" s="5">
        <v>0.4</v>
      </c>
      <c r="D12" s="5">
        <v>0.2</v>
      </c>
      <c r="E12" s="5">
        <v>0.2</v>
      </c>
      <c r="F12" s="5">
        <v>0.2</v>
      </c>
      <c r="G12" s="5">
        <v>1</v>
      </c>
    </row>
    <row r="13" spans="1:8">
      <c r="A13" s="56" t="s">
        <v>29</v>
      </c>
      <c r="B13" s="4">
        <v>594</v>
      </c>
      <c r="C13" s="4">
        <v>1259</v>
      </c>
      <c r="D13" s="4">
        <v>1078</v>
      </c>
      <c r="E13" s="4">
        <v>631</v>
      </c>
      <c r="F13" s="4">
        <v>123</v>
      </c>
      <c r="G13" s="4">
        <v>3685</v>
      </c>
    </row>
    <row r="14" spans="1:8">
      <c r="A14" s="57"/>
      <c r="B14" s="5">
        <v>0.161</v>
      </c>
      <c r="C14" s="5">
        <v>0.34200000000000003</v>
      </c>
      <c r="D14" s="5">
        <v>0.29299999999999998</v>
      </c>
      <c r="E14" s="5">
        <v>0.17100000000000001</v>
      </c>
      <c r="F14" s="5">
        <v>3.3000000000000002E-2</v>
      </c>
      <c r="G14" s="5">
        <v>1</v>
      </c>
    </row>
    <row r="15" spans="1:8">
      <c r="A15" s="54" t="s">
        <v>127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3:A14"/>
    <mergeCell ref="A15:G16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8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81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2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73" t="s">
        <v>203</v>
      </c>
      <c r="B5" s="4">
        <v>116</v>
      </c>
      <c r="C5" s="4">
        <v>1198</v>
      </c>
      <c r="D5" s="4">
        <v>355</v>
      </c>
      <c r="E5" s="4">
        <v>4</v>
      </c>
      <c r="F5" s="4">
        <v>1673</v>
      </c>
    </row>
    <row r="6" spans="1:7">
      <c r="A6" s="77"/>
      <c r="B6" s="5">
        <v>6.9000000000000006E-2</v>
      </c>
      <c r="C6" s="5">
        <v>0.71599999999999997</v>
      </c>
      <c r="D6" s="5">
        <v>0.21199999999999999</v>
      </c>
      <c r="E6" s="5">
        <v>2E-3</v>
      </c>
      <c r="F6" s="5">
        <v>1</v>
      </c>
    </row>
    <row r="7" spans="1:7">
      <c r="A7" s="73" t="s">
        <v>204</v>
      </c>
      <c r="B7" s="6">
        <v>69</v>
      </c>
      <c r="C7" s="6">
        <v>1418</v>
      </c>
      <c r="D7" s="6">
        <v>280</v>
      </c>
      <c r="E7" s="6">
        <v>1</v>
      </c>
      <c r="F7" s="4">
        <v>1768</v>
      </c>
    </row>
    <row r="8" spans="1:7">
      <c r="A8" s="74"/>
      <c r="B8" s="5">
        <v>3.9E-2</v>
      </c>
      <c r="C8" s="5">
        <v>0.80200000000000005</v>
      </c>
      <c r="D8" s="5">
        <v>0.158</v>
      </c>
      <c r="E8" s="5">
        <v>1E-3</v>
      </c>
      <c r="F8" s="5">
        <v>1</v>
      </c>
    </row>
    <row r="9" spans="1:7">
      <c r="A9" s="73" t="s">
        <v>210</v>
      </c>
      <c r="B9" s="6">
        <v>1</v>
      </c>
      <c r="C9" s="6">
        <v>201</v>
      </c>
      <c r="D9" s="6">
        <v>37</v>
      </c>
      <c r="E9" s="6">
        <v>0</v>
      </c>
      <c r="F9" s="6">
        <v>239</v>
      </c>
    </row>
    <row r="10" spans="1:7">
      <c r="A10" s="74"/>
      <c r="B10" s="5">
        <v>4.0000000000000001E-3</v>
      </c>
      <c r="C10" s="5">
        <v>0.84099999999999997</v>
      </c>
      <c r="D10" s="5">
        <v>0.155</v>
      </c>
      <c r="E10" s="5">
        <v>0</v>
      </c>
      <c r="F10" s="5">
        <v>1</v>
      </c>
    </row>
    <row r="11" spans="1:7" ht="14.25" customHeight="1">
      <c r="A11" s="73" t="s">
        <v>171</v>
      </c>
      <c r="B11" s="6">
        <v>0</v>
      </c>
      <c r="C11" s="6">
        <v>4</v>
      </c>
      <c r="D11" s="6">
        <v>0</v>
      </c>
      <c r="E11" s="6">
        <v>1</v>
      </c>
      <c r="F11" s="6">
        <v>5</v>
      </c>
    </row>
    <row r="12" spans="1:7">
      <c r="A12" s="74"/>
      <c r="B12" s="5">
        <v>0</v>
      </c>
      <c r="C12" s="5">
        <v>0.8</v>
      </c>
      <c r="D12" s="5">
        <v>0</v>
      </c>
      <c r="E12" s="5">
        <v>0.2</v>
      </c>
      <c r="F12" s="5">
        <v>1</v>
      </c>
    </row>
    <row r="13" spans="1:7">
      <c r="A13" s="56" t="s">
        <v>29</v>
      </c>
      <c r="B13" s="4">
        <v>186</v>
      </c>
      <c r="C13" s="4">
        <v>2821</v>
      </c>
      <c r="D13" s="4">
        <v>672</v>
      </c>
      <c r="E13" s="4">
        <v>6</v>
      </c>
      <c r="F13" s="4">
        <v>3685</v>
      </c>
    </row>
    <row r="14" spans="1:7">
      <c r="A14" s="57"/>
      <c r="B14" s="5">
        <v>0.05</v>
      </c>
      <c r="C14" s="5">
        <v>0.76600000000000001</v>
      </c>
      <c r="D14" s="5">
        <v>0.182</v>
      </c>
      <c r="E14" s="5">
        <v>2E-3</v>
      </c>
      <c r="F14" s="5">
        <v>1</v>
      </c>
    </row>
    <row r="15" spans="1:7">
      <c r="A15" s="54" t="s">
        <v>129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9"/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682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02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73" t="s">
        <v>203</v>
      </c>
      <c r="B5" s="4">
        <v>73</v>
      </c>
      <c r="C5" s="4">
        <v>26</v>
      </c>
      <c r="D5" s="4">
        <v>5</v>
      </c>
      <c r="E5" s="4">
        <v>8</v>
      </c>
      <c r="F5" s="4">
        <v>4</v>
      </c>
      <c r="G5" s="4">
        <v>116</v>
      </c>
    </row>
    <row r="6" spans="1:8">
      <c r="A6" s="77"/>
      <c r="B6" s="5">
        <v>0.629</v>
      </c>
      <c r="C6" s="5">
        <v>0.224</v>
      </c>
      <c r="D6" s="5">
        <v>4.2999999999999997E-2</v>
      </c>
      <c r="E6" s="5">
        <v>6.9000000000000006E-2</v>
      </c>
      <c r="F6" s="5">
        <v>3.4000000000000002E-2</v>
      </c>
      <c r="G6" s="5">
        <v>1</v>
      </c>
    </row>
    <row r="7" spans="1:8">
      <c r="A7" s="73" t="s">
        <v>204</v>
      </c>
      <c r="B7" s="6">
        <v>46</v>
      </c>
      <c r="C7" s="6">
        <v>11</v>
      </c>
      <c r="D7" s="6">
        <v>5</v>
      </c>
      <c r="E7" s="6">
        <v>4</v>
      </c>
      <c r="F7" s="6">
        <v>3</v>
      </c>
      <c r="G7" s="4">
        <v>69</v>
      </c>
    </row>
    <row r="8" spans="1:8">
      <c r="A8" s="74"/>
      <c r="B8" s="5">
        <v>0.66700000000000004</v>
      </c>
      <c r="C8" s="5">
        <v>0.159</v>
      </c>
      <c r="D8" s="5">
        <v>7.1999999999999995E-2</v>
      </c>
      <c r="E8" s="5">
        <v>5.8000000000000003E-2</v>
      </c>
      <c r="F8" s="5">
        <v>4.2999999999999997E-2</v>
      </c>
      <c r="G8" s="5">
        <v>1</v>
      </c>
    </row>
    <row r="9" spans="1:8">
      <c r="A9" s="73" t="s">
        <v>210</v>
      </c>
      <c r="B9" s="6">
        <v>1</v>
      </c>
      <c r="C9" s="6">
        <v>0</v>
      </c>
      <c r="D9" s="6">
        <v>0</v>
      </c>
      <c r="E9" s="6">
        <v>0</v>
      </c>
      <c r="F9" s="6">
        <v>0</v>
      </c>
      <c r="G9" s="6">
        <v>1</v>
      </c>
    </row>
    <row r="10" spans="1:8">
      <c r="A10" s="74"/>
      <c r="B10" s="5">
        <v>1</v>
      </c>
      <c r="C10" s="5">
        <v>0</v>
      </c>
      <c r="D10" s="5">
        <v>0</v>
      </c>
      <c r="E10" s="5">
        <v>0</v>
      </c>
      <c r="F10" s="5">
        <v>0</v>
      </c>
      <c r="G10" s="5">
        <v>1</v>
      </c>
    </row>
    <row r="11" spans="1:8">
      <c r="A11" s="56" t="s">
        <v>29</v>
      </c>
      <c r="B11" s="6">
        <v>120</v>
      </c>
      <c r="C11" s="6">
        <v>37</v>
      </c>
      <c r="D11" s="6">
        <v>10</v>
      </c>
      <c r="E11" s="6">
        <v>12</v>
      </c>
      <c r="F11" s="6">
        <v>7</v>
      </c>
      <c r="G11" s="6">
        <v>186</v>
      </c>
    </row>
    <row r="12" spans="1:8">
      <c r="A12" s="57"/>
      <c r="B12" s="5">
        <v>0.64500000000000002</v>
      </c>
      <c r="C12" s="5">
        <v>0.19900000000000001</v>
      </c>
      <c r="D12" s="5">
        <v>5.3999999999999999E-2</v>
      </c>
      <c r="E12" s="5">
        <v>6.5000000000000002E-2</v>
      </c>
      <c r="F12" s="5">
        <v>3.7999999999999999E-2</v>
      </c>
      <c r="G12" s="5">
        <v>1</v>
      </c>
    </row>
    <row r="13" spans="1:8">
      <c r="A13" s="54" t="s">
        <v>131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1:A12"/>
    <mergeCell ref="A13:G14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1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0"/>
  <dimension ref="A1:G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83</v>
      </c>
    </row>
    <row r="2" spans="1:7" ht="14.25" customHeight="1">
      <c r="A2" s="41" t="s">
        <v>812</v>
      </c>
      <c r="C2" s="7"/>
      <c r="D2" s="7"/>
      <c r="E2" s="7"/>
    </row>
    <row r="3" spans="1:7" ht="14.25" customHeight="1">
      <c r="A3" s="78" t="s">
        <v>205</v>
      </c>
      <c r="B3" s="53" t="s">
        <v>100</v>
      </c>
      <c r="C3" s="53"/>
      <c r="D3" s="53"/>
      <c r="E3" s="53"/>
      <c r="F3" s="2"/>
    </row>
    <row r="4" spans="1:7" ht="28.5">
      <c r="A4" s="78"/>
      <c r="B4" s="8" t="s">
        <v>143</v>
      </c>
      <c r="C4" s="8" t="s">
        <v>144</v>
      </c>
      <c r="D4" s="8" t="s">
        <v>145</v>
      </c>
      <c r="E4" s="8" t="s">
        <v>29</v>
      </c>
    </row>
    <row r="5" spans="1:7">
      <c r="A5" s="73" t="s">
        <v>576</v>
      </c>
      <c r="B5" s="4">
        <v>561</v>
      </c>
      <c r="C5" s="4">
        <v>771</v>
      </c>
      <c r="D5" s="4">
        <v>182</v>
      </c>
      <c r="E5" s="4">
        <v>1514</v>
      </c>
    </row>
    <row r="6" spans="1:7">
      <c r="A6" s="77"/>
      <c r="B6" s="5">
        <v>0.371</v>
      </c>
      <c r="C6" s="5">
        <v>0.50900000000000001</v>
      </c>
      <c r="D6" s="5">
        <v>0.12</v>
      </c>
      <c r="E6" s="5">
        <v>1</v>
      </c>
      <c r="G6" s="9"/>
    </row>
    <row r="7" spans="1:7">
      <c r="A7" s="73" t="s">
        <v>513</v>
      </c>
      <c r="B7" s="6">
        <v>40</v>
      </c>
      <c r="C7" s="6">
        <v>34</v>
      </c>
      <c r="D7" s="6">
        <v>8</v>
      </c>
      <c r="E7" s="4">
        <v>82</v>
      </c>
    </row>
    <row r="8" spans="1:7">
      <c r="A8" s="74"/>
      <c r="B8" s="5">
        <v>0.48799999999999999</v>
      </c>
      <c r="C8" s="5">
        <v>0.41499999999999998</v>
      </c>
      <c r="D8" s="5">
        <v>9.8000000000000004E-2</v>
      </c>
      <c r="E8" s="5">
        <v>1</v>
      </c>
      <c r="G8" s="9"/>
    </row>
    <row r="9" spans="1:7">
      <c r="A9" s="73" t="s">
        <v>171</v>
      </c>
      <c r="B9" s="6">
        <v>30</v>
      </c>
      <c r="C9" s="6">
        <v>39</v>
      </c>
      <c r="D9" s="6">
        <v>8</v>
      </c>
      <c r="E9" s="6">
        <v>77</v>
      </c>
    </row>
    <row r="10" spans="1:7">
      <c r="A10" s="74"/>
      <c r="B10" s="5">
        <v>0.39</v>
      </c>
      <c r="C10" s="5">
        <v>0.50600000000000001</v>
      </c>
      <c r="D10" s="5">
        <v>0.104</v>
      </c>
      <c r="E10" s="5">
        <v>1</v>
      </c>
      <c r="G10" s="9"/>
    </row>
    <row r="11" spans="1:7" ht="14.25" customHeight="1">
      <c r="A11" s="73" t="s">
        <v>29</v>
      </c>
      <c r="B11" s="4">
        <v>631</v>
      </c>
      <c r="C11" s="4">
        <v>844</v>
      </c>
      <c r="D11" s="4">
        <v>198</v>
      </c>
      <c r="E11" s="4">
        <v>1673</v>
      </c>
    </row>
    <row r="12" spans="1:7">
      <c r="A12" s="74"/>
      <c r="B12" s="5">
        <v>0.377</v>
      </c>
      <c r="C12" s="5">
        <v>0.504</v>
      </c>
      <c r="D12" s="5">
        <v>0.11799999999999999</v>
      </c>
      <c r="E12" s="5">
        <v>1</v>
      </c>
      <c r="G12" s="9"/>
    </row>
    <row r="13" spans="1:7">
      <c r="A13" s="54" t="s">
        <v>101</v>
      </c>
      <c r="B13" s="54"/>
      <c r="C13" s="54"/>
      <c r="D13" s="54"/>
      <c r="E13" s="54"/>
    </row>
    <row r="14" spans="1:7">
      <c r="A14" s="55"/>
      <c r="B14" s="55"/>
      <c r="C14" s="55"/>
      <c r="D14" s="55"/>
      <c r="E14" s="55"/>
      <c r="G14" s="9"/>
    </row>
  </sheetData>
  <mergeCells count="7">
    <mergeCell ref="A11:A12"/>
    <mergeCell ref="A13:E14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1"/>
  <dimension ref="A1:E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5">
      <c r="A1" s="1" t="s">
        <v>684</v>
      </c>
    </row>
    <row r="2" spans="1:5" ht="14.25" customHeight="1">
      <c r="A2" s="41" t="s">
        <v>812</v>
      </c>
      <c r="C2" s="7"/>
      <c r="D2" s="7"/>
    </row>
    <row r="3" spans="1:5" ht="14.25" customHeight="1">
      <c r="A3" s="78" t="s">
        <v>205</v>
      </c>
      <c r="B3" s="53" t="s">
        <v>103</v>
      </c>
      <c r="C3" s="53"/>
      <c r="D3" s="53"/>
      <c r="E3" s="2"/>
    </row>
    <row r="4" spans="1:5">
      <c r="A4" s="78"/>
      <c r="B4" s="8" t="s">
        <v>142</v>
      </c>
      <c r="C4" s="8" t="s">
        <v>150</v>
      </c>
      <c r="D4" s="8" t="s">
        <v>29</v>
      </c>
    </row>
    <row r="5" spans="1:5">
      <c r="A5" s="56" t="s">
        <v>576</v>
      </c>
      <c r="B5" s="4">
        <v>485</v>
      </c>
      <c r="C5" s="4">
        <v>60</v>
      </c>
      <c r="D5" s="4">
        <v>545</v>
      </c>
    </row>
    <row r="6" spans="1:5">
      <c r="A6" s="61"/>
      <c r="B6" s="5">
        <v>0.89</v>
      </c>
      <c r="C6" s="5">
        <v>0.11</v>
      </c>
      <c r="D6" s="5">
        <v>1</v>
      </c>
    </row>
    <row r="7" spans="1:5">
      <c r="A7" s="56" t="s">
        <v>513</v>
      </c>
      <c r="B7" s="6">
        <v>25</v>
      </c>
      <c r="C7" s="6">
        <v>15</v>
      </c>
      <c r="D7" s="4">
        <v>40</v>
      </c>
    </row>
    <row r="8" spans="1:5">
      <c r="A8" s="57"/>
      <c r="B8" s="5">
        <v>0.625</v>
      </c>
      <c r="C8" s="5">
        <v>0.375</v>
      </c>
      <c r="D8" s="5">
        <v>1</v>
      </c>
    </row>
    <row r="9" spans="1:5">
      <c r="A9" s="73" t="s">
        <v>171</v>
      </c>
      <c r="B9" s="6">
        <v>10</v>
      </c>
      <c r="C9" s="6">
        <v>2</v>
      </c>
      <c r="D9" s="6">
        <v>12</v>
      </c>
    </row>
    <row r="10" spans="1:5">
      <c r="A10" s="74"/>
      <c r="B10" s="5">
        <v>0.83299999999999996</v>
      </c>
      <c r="C10" s="5">
        <v>0.16700000000000001</v>
      </c>
      <c r="D10" s="5">
        <v>1</v>
      </c>
    </row>
    <row r="11" spans="1:5" ht="14.25" customHeight="1">
      <c r="A11" s="56" t="s">
        <v>29</v>
      </c>
      <c r="B11" s="6">
        <v>520</v>
      </c>
      <c r="C11" s="6">
        <v>77</v>
      </c>
      <c r="D11" s="6">
        <v>597</v>
      </c>
    </row>
    <row r="12" spans="1:5">
      <c r="A12" s="57"/>
      <c r="B12" s="5">
        <v>0.871</v>
      </c>
      <c r="C12" s="5">
        <v>0.129</v>
      </c>
      <c r="D12" s="5">
        <v>1</v>
      </c>
    </row>
    <row r="13" spans="1:5">
      <c r="A13" s="54" t="s">
        <v>521</v>
      </c>
      <c r="B13" s="54"/>
      <c r="C13" s="54"/>
      <c r="D13" s="54"/>
    </row>
    <row r="14" spans="1:5">
      <c r="A14" s="55"/>
      <c r="B14" s="55"/>
      <c r="C14" s="55"/>
      <c r="D14" s="55"/>
    </row>
  </sheetData>
  <mergeCells count="7">
    <mergeCell ref="A11:A12"/>
    <mergeCell ref="A13:D14"/>
    <mergeCell ref="A3:A4"/>
    <mergeCell ref="B3:D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A1:G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5" width="9" style="1" customWidth="1"/>
    <col min="6" max="16384" width="9" style="1"/>
  </cols>
  <sheetData>
    <row r="1" spans="1:7">
      <c r="A1" s="1" t="s">
        <v>503</v>
      </c>
    </row>
    <row r="2" spans="1:7">
      <c r="A2" s="41" t="s">
        <v>812</v>
      </c>
      <c r="C2" s="7"/>
      <c r="D2" s="7"/>
      <c r="E2" s="7"/>
    </row>
    <row r="3" spans="1:7" ht="48" customHeight="1">
      <c r="A3" s="60" t="s">
        <v>26</v>
      </c>
      <c r="B3" s="66" t="s">
        <v>246</v>
      </c>
      <c r="C3" s="68"/>
      <c r="D3" s="72" t="s">
        <v>247</v>
      </c>
      <c r="E3" s="72"/>
      <c r="F3" s="66" t="s">
        <v>248</v>
      </c>
      <c r="G3" s="67"/>
    </row>
    <row r="4" spans="1:7">
      <c r="A4" s="60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60" t="s">
        <v>30</v>
      </c>
      <c r="B5" s="4">
        <v>45</v>
      </c>
      <c r="C5" s="4">
        <v>814</v>
      </c>
      <c r="D5" s="4">
        <v>0</v>
      </c>
      <c r="E5" s="4">
        <v>859</v>
      </c>
      <c r="F5" s="4">
        <v>15</v>
      </c>
      <c r="G5" s="4">
        <v>844</v>
      </c>
    </row>
    <row r="6" spans="1:7">
      <c r="A6" s="60"/>
      <c r="B6" s="5">
        <v>5.1999999999999998E-2</v>
      </c>
      <c r="C6" s="5">
        <v>0.94799999999999995</v>
      </c>
      <c r="D6" s="5">
        <v>0</v>
      </c>
      <c r="E6" s="5">
        <v>1</v>
      </c>
      <c r="F6" s="5">
        <v>1.7000000000000001E-2</v>
      </c>
      <c r="G6" s="5">
        <v>0.98299999999999998</v>
      </c>
    </row>
    <row r="7" spans="1:7">
      <c r="A7" s="60" t="s">
        <v>31</v>
      </c>
      <c r="B7" s="6">
        <v>25</v>
      </c>
      <c r="C7" s="6">
        <v>487</v>
      </c>
      <c r="D7" s="6">
        <v>2</v>
      </c>
      <c r="E7" s="6">
        <v>510</v>
      </c>
      <c r="F7" s="6">
        <v>8</v>
      </c>
      <c r="G7" s="6">
        <v>504</v>
      </c>
    </row>
    <row r="8" spans="1:7">
      <c r="A8" s="69"/>
      <c r="B8" s="5">
        <v>4.9000000000000002E-2</v>
      </c>
      <c r="C8" s="5">
        <v>0.95099999999999996</v>
      </c>
      <c r="D8" s="5">
        <v>4.0000000000000001E-3</v>
      </c>
      <c r="E8" s="5">
        <v>0.996</v>
      </c>
      <c r="F8" s="5">
        <v>1.6E-2</v>
      </c>
      <c r="G8" s="5">
        <v>0.98399999999999999</v>
      </c>
    </row>
    <row r="9" spans="1:7">
      <c r="A9" s="60" t="s">
        <v>32</v>
      </c>
      <c r="B9" s="6">
        <v>9</v>
      </c>
      <c r="C9" s="6">
        <v>145</v>
      </c>
      <c r="D9" s="6">
        <v>1</v>
      </c>
      <c r="E9" s="6">
        <v>153</v>
      </c>
      <c r="F9" s="6">
        <v>1</v>
      </c>
      <c r="G9" s="6">
        <v>153</v>
      </c>
    </row>
    <row r="10" spans="1:7">
      <c r="A10" s="69"/>
      <c r="B10" s="5">
        <v>5.8000000000000003E-2</v>
      </c>
      <c r="C10" s="5">
        <v>0.94199999999999995</v>
      </c>
      <c r="D10" s="5">
        <v>6.0000000000000001E-3</v>
      </c>
      <c r="E10" s="5">
        <v>0.99399999999999999</v>
      </c>
      <c r="F10" s="5">
        <v>6.0000000000000001E-3</v>
      </c>
      <c r="G10" s="5">
        <v>0.99399999999999999</v>
      </c>
    </row>
    <row r="11" spans="1:7">
      <c r="A11" s="70" t="s">
        <v>38</v>
      </c>
      <c r="B11" s="6">
        <v>10</v>
      </c>
      <c r="C11" s="6">
        <v>131</v>
      </c>
      <c r="D11" s="6">
        <v>2</v>
      </c>
      <c r="E11" s="6">
        <v>139</v>
      </c>
      <c r="F11" s="6">
        <v>6</v>
      </c>
      <c r="G11" s="6">
        <v>135</v>
      </c>
    </row>
    <row r="12" spans="1:7">
      <c r="A12" s="71"/>
      <c r="B12" s="5">
        <v>7.0999999999999994E-2</v>
      </c>
      <c r="C12" s="5">
        <v>0.92900000000000005</v>
      </c>
      <c r="D12" s="5">
        <v>1.4E-2</v>
      </c>
      <c r="E12" s="5">
        <v>0.98599999999999999</v>
      </c>
      <c r="F12" s="5">
        <v>4.2999999999999997E-2</v>
      </c>
      <c r="G12" s="5">
        <v>0.95699999999999996</v>
      </c>
    </row>
    <row r="13" spans="1:7">
      <c r="A13" s="60" t="s">
        <v>33</v>
      </c>
      <c r="B13" s="6">
        <v>7</v>
      </c>
      <c r="C13" s="6">
        <v>185</v>
      </c>
      <c r="D13" s="6">
        <v>0</v>
      </c>
      <c r="E13" s="6">
        <v>192</v>
      </c>
      <c r="F13" s="6">
        <v>3</v>
      </c>
      <c r="G13" s="6">
        <v>189</v>
      </c>
    </row>
    <row r="14" spans="1:7">
      <c r="A14" s="69"/>
      <c r="B14" s="5">
        <v>3.5999999999999997E-2</v>
      </c>
      <c r="C14" s="5">
        <v>0.96399999999999997</v>
      </c>
      <c r="D14" s="5">
        <v>0</v>
      </c>
      <c r="E14" s="5">
        <v>1</v>
      </c>
      <c r="F14" s="5">
        <v>1.6E-2</v>
      </c>
      <c r="G14" s="5">
        <v>0.98399999999999999</v>
      </c>
    </row>
    <row r="15" spans="1:7">
      <c r="A15" s="60" t="s">
        <v>34</v>
      </c>
      <c r="B15" s="6">
        <v>8</v>
      </c>
      <c r="C15" s="6">
        <v>118</v>
      </c>
      <c r="D15" s="6">
        <v>0</v>
      </c>
      <c r="E15" s="6">
        <v>126</v>
      </c>
      <c r="F15" s="6">
        <v>4</v>
      </c>
      <c r="G15" s="6">
        <v>122</v>
      </c>
    </row>
    <row r="16" spans="1:7">
      <c r="A16" s="69"/>
      <c r="B16" s="5">
        <v>6.3E-2</v>
      </c>
      <c r="C16" s="5">
        <v>0.93700000000000006</v>
      </c>
      <c r="D16" s="5">
        <v>0</v>
      </c>
      <c r="E16" s="5">
        <v>1</v>
      </c>
      <c r="F16" s="5">
        <v>3.2000000000000001E-2</v>
      </c>
      <c r="G16" s="5">
        <v>0.96799999999999997</v>
      </c>
    </row>
    <row r="17" spans="1:7">
      <c r="A17" s="60" t="s">
        <v>35</v>
      </c>
      <c r="B17" s="6">
        <v>7</v>
      </c>
      <c r="C17" s="6">
        <v>257</v>
      </c>
      <c r="D17" s="6">
        <v>1</v>
      </c>
      <c r="E17" s="6">
        <v>263</v>
      </c>
      <c r="F17" s="6">
        <v>5</v>
      </c>
      <c r="G17" s="6">
        <v>259</v>
      </c>
    </row>
    <row r="18" spans="1:7">
      <c r="A18" s="69"/>
      <c r="B18" s="5">
        <v>2.7E-2</v>
      </c>
      <c r="C18" s="5">
        <v>0.97299999999999998</v>
      </c>
      <c r="D18" s="5">
        <v>4.0000000000000001E-3</v>
      </c>
      <c r="E18" s="5">
        <v>0.996</v>
      </c>
      <c r="F18" s="5">
        <v>1.9E-2</v>
      </c>
      <c r="G18" s="5">
        <v>0.98099999999999998</v>
      </c>
    </row>
    <row r="19" spans="1:7">
      <c r="A19" s="60" t="s">
        <v>36</v>
      </c>
      <c r="B19" s="6">
        <v>3</v>
      </c>
      <c r="C19" s="6">
        <v>65</v>
      </c>
      <c r="D19" s="6">
        <v>0</v>
      </c>
      <c r="E19" s="6">
        <v>68</v>
      </c>
      <c r="F19" s="6">
        <v>2</v>
      </c>
      <c r="G19" s="6">
        <v>66</v>
      </c>
    </row>
    <row r="20" spans="1:7">
      <c r="A20" s="69"/>
      <c r="B20" s="5">
        <v>4.3999999999999997E-2</v>
      </c>
      <c r="C20" s="5">
        <v>0.95599999999999996</v>
      </c>
      <c r="D20" s="5">
        <v>0</v>
      </c>
      <c r="E20" s="5">
        <v>1</v>
      </c>
      <c r="F20" s="5">
        <v>2.9000000000000001E-2</v>
      </c>
      <c r="G20" s="5">
        <v>0.97099999999999997</v>
      </c>
    </row>
    <row r="21" spans="1:7">
      <c r="A21" s="60" t="s">
        <v>29</v>
      </c>
      <c r="B21" s="4">
        <v>114</v>
      </c>
      <c r="C21" s="4">
        <v>2202</v>
      </c>
      <c r="D21" s="4">
        <v>6</v>
      </c>
      <c r="E21" s="4">
        <v>2310</v>
      </c>
      <c r="F21" s="4">
        <v>44</v>
      </c>
      <c r="G21" s="4">
        <v>2272</v>
      </c>
    </row>
    <row r="22" spans="1:7">
      <c r="A22" s="69"/>
      <c r="B22" s="5">
        <v>4.9000000000000002E-2</v>
      </c>
      <c r="C22" s="5">
        <v>0.95099999999999996</v>
      </c>
      <c r="D22" s="5">
        <v>3.0000000000000001E-3</v>
      </c>
      <c r="E22" s="5">
        <v>0.997</v>
      </c>
      <c r="F22" s="5">
        <v>1.9E-2</v>
      </c>
      <c r="G22" s="5">
        <v>0.98099999999999998</v>
      </c>
    </row>
    <row r="23" spans="1:7" ht="14.25" customHeight="1">
      <c r="A23" s="55" t="s">
        <v>615</v>
      </c>
      <c r="B23" s="55"/>
      <c r="C23" s="55"/>
      <c r="D23" s="55"/>
      <c r="E23" s="55"/>
      <c r="F23" s="55"/>
      <c r="G23" s="55"/>
    </row>
    <row r="24" spans="1:7">
      <c r="A24" s="55"/>
      <c r="B24" s="55"/>
      <c r="C24" s="55"/>
      <c r="D24" s="55"/>
      <c r="E24" s="55"/>
      <c r="F24" s="55"/>
      <c r="G24" s="55"/>
    </row>
  </sheetData>
  <mergeCells count="14">
    <mergeCell ref="F3:G3"/>
    <mergeCell ref="A23:G24"/>
    <mergeCell ref="B3:C3"/>
    <mergeCell ref="A3:A4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  <mergeCell ref="D3:E3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2"/>
  <dimension ref="A1:O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85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205</v>
      </c>
      <c r="B3" s="53" t="s">
        <v>111</v>
      </c>
      <c r="C3" s="53"/>
      <c r="D3" s="53"/>
      <c r="E3" s="53"/>
      <c r="F3" s="53"/>
      <c r="G3" s="2"/>
    </row>
    <row r="4" spans="1:15" ht="42.75">
      <c r="A4" s="78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15">
      <c r="A5" s="56" t="s">
        <v>576</v>
      </c>
      <c r="B5" s="4">
        <v>1466</v>
      </c>
      <c r="C5" s="4">
        <v>43</v>
      </c>
      <c r="D5" s="4">
        <v>4</v>
      </c>
      <c r="E5" s="4">
        <v>1</v>
      </c>
      <c r="F5" s="4">
        <v>1514</v>
      </c>
    </row>
    <row r="6" spans="1:15">
      <c r="A6" s="61"/>
      <c r="B6" s="5">
        <v>0.96799999999999997</v>
      </c>
      <c r="C6" s="5">
        <v>2.8000000000000001E-2</v>
      </c>
      <c r="D6" s="5">
        <v>3.0000000000000001E-3</v>
      </c>
      <c r="E6" s="5">
        <v>1E-3</v>
      </c>
      <c r="F6" s="5">
        <v>1</v>
      </c>
      <c r="H6" s="9"/>
      <c r="I6" s="9"/>
      <c r="J6" s="9"/>
      <c r="K6" s="9"/>
      <c r="L6" s="9"/>
      <c r="M6" s="9"/>
      <c r="N6" s="9"/>
      <c r="O6" s="9"/>
    </row>
    <row r="7" spans="1:15">
      <c r="A7" s="56" t="s">
        <v>513</v>
      </c>
      <c r="B7" s="6">
        <v>75</v>
      </c>
      <c r="C7" s="6">
        <v>7</v>
      </c>
      <c r="D7" s="6">
        <v>0</v>
      </c>
      <c r="E7" s="6">
        <v>0</v>
      </c>
      <c r="F7" s="4">
        <v>82</v>
      </c>
    </row>
    <row r="8" spans="1:15">
      <c r="A8" s="57"/>
      <c r="B8" s="5">
        <v>0.91500000000000004</v>
      </c>
      <c r="C8" s="5">
        <v>8.5000000000000006E-2</v>
      </c>
      <c r="D8" s="5">
        <v>0</v>
      </c>
      <c r="E8" s="5">
        <v>0</v>
      </c>
      <c r="F8" s="5">
        <v>1</v>
      </c>
      <c r="H8" s="9"/>
      <c r="I8" s="9"/>
      <c r="J8" s="9"/>
      <c r="K8" s="9"/>
      <c r="L8" s="9"/>
      <c r="M8" s="9"/>
      <c r="N8" s="9"/>
      <c r="O8" s="9"/>
    </row>
    <row r="9" spans="1:15">
      <c r="A9" s="73" t="s">
        <v>171</v>
      </c>
      <c r="B9" s="6">
        <v>71</v>
      </c>
      <c r="C9" s="6">
        <v>6</v>
      </c>
      <c r="D9" s="6">
        <v>0</v>
      </c>
      <c r="E9" s="6">
        <v>0</v>
      </c>
      <c r="F9" s="6">
        <v>77</v>
      </c>
    </row>
    <row r="10" spans="1:15">
      <c r="A10" s="74"/>
      <c r="B10" s="5">
        <v>0.92200000000000004</v>
      </c>
      <c r="C10" s="5">
        <v>7.8E-2</v>
      </c>
      <c r="D10" s="5">
        <v>0</v>
      </c>
      <c r="E10" s="5">
        <v>0</v>
      </c>
      <c r="F10" s="5">
        <v>1</v>
      </c>
      <c r="H10" s="9"/>
      <c r="I10" s="9"/>
      <c r="J10" s="9"/>
      <c r="K10" s="9"/>
      <c r="L10" s="9"/>
      <c r="M10" s="9"/>
      <c r="N10" s="9"/>
      <c r="O10" s="9"/>
    </row>
    <row r="11" spans="1:15" ht="14.25" customHeight="1">
      <c r="A11" s="56" t="s">
        <v>29</v>
      </c>
      <c r="B11" s="4">
        <v>1612</v>
      </c>
      <c r="C11" s="4">
        <v>56</v>
      </c>
      <c r="D11" s="4">
        <v>4</v>
      </c>
      <c r="E11" s="4">
        <v>1</v>
      </c>
      <c r="F11" s="4">
        <v>1673</v>
      </c>
    </row>
    <row r="12" spans="1:15">
      <c r="A12" s="57"/>
      <c r="B12" s="5">
        <v>0.96399999999999997</v>
      </c>
      <c r="C12" s="5">
        <v>3.3000000000000002E-2</v>
      </c>
      <c r="D12" s="5">
        <v>2E-3</v>
      </c>
      <c r="E12" s="5">
        <v>1E-3</v>
      </c>
      <c r="F12" s="5">
        <v>1</v>
      </c>
      <c r="H12" s="9"/>
      <c r="I12" s="9"/>
      <c r="J12" s="9"/>
      <c r="K12" s="9"/>
      <c r="L12" s="9"/>
      <c r="M12" s="9"/>
      <c r="N12" s="9"/>
      <c r="O12" s="9"/>
    </row>
    <row r="13" spans="1:15">
      <c r="A13" s="54" t="s">
        <v>105</v>
      </c>
      <c r="B13" s="54"/>
      <c r="C13" s="54"/>
      <c r="D13" s="54"/>
      <c r="E13" s="54"/>
      <c r="F13" s="54"/>
    </row>
    <row r="14" spans="1:15">
      <c r="A14" s="55"/>
      <c r="B14" s="55"/>
      <c r="C14" s="55"/>
      <c r="D14" s="55"/>
      <c r="E14" s="55"/>
      <c r="F14" s="55"/>
      <c r="H14" s="9"/>
      <c r="I14" s="9"/>
      <c r="J14" s="9"/>
      <c r="K14" s="9"/>
      <c r="L14" s="9"/>
    </row>
  </sheetData>
  <mergeCells count="7">
    <mergeCell ref="A11:A12"/>
    <mergeCell ref="A13:F14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3"/>
  <dimension ref="A1:O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686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205</v>
      </c>
      <c r="B3" s="53" t="s">
        <v>519</v>
      </c>
      <c r="C3" s="53"/>
      <c r="D3" s="53"/>
      <c r="E3" s="53"/>
      <c r="F3" s="53"/>
      <c r="G3" s="2"/>
    </row>
    <row r="4" spans="1:15">
      <c r="A4" s="78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15">
      <c r="A5" s="56" t="s">
        <v>576</v>
      </c>
      <c r="B5" s="4">
        <v>684</v>
      </c>
      <c r="C5" s="4">
        <v>664</v>
      </c>
      <c r="D5" s="4">
        <v>98</v>
      </c>
      <c r="E5" s="4">
        <v>20</v>
      </c>
      <c r="F5" s="4">
        <v>1466</v>
      </c>
    </row>
    <row r="6" spans="1:15">
      <c r="A6" s="61"/>
      <c r="B6" s="5">
        <v>0.46700000000000003</v>
      </c>
      <c r="C6" s="5">
        <v>0.45300000000000001</v>
      </c>
      <c r="D6" s="5">
        <v>6.7000000000000004E-2</v>
      </c>
      <c r="E6" s="5">
        <v>1.4E-2</v>
      </c>
      <c r="F6" s="5">
        <v>1</v>
      </c>
      <c r="H6" s="9"/>
      <c r="I6" s="9"/>
      <c r="J6" s="9"/>
      <c r="K6" s="9"/>
      <c r="L6" s="9"/>
      <c r="M6" s="9"/>
      <c r="N6" s="9"/>
      <c r="O6" s="9"/>
    </row>
    <row r="7" spans="1:15">
      <c r="A7" s="56" t="s">
        <v>513</v>
      </c>
      <c r="B7" s="6">
        <v>46</v>
      </c>
      <c r="C7" s="6">
        <v>24</v>
      </c>
      <c r="D7" s="6">
        <v>5</v>
      </c>
      <c r="E7" s="6">
        <v>0</v>
      </c>
      <c r="F7" s="4">
        <v>75</v>
      </c>
    </row>
    <row r="8" spans="1:15">
      <c r="A8" s="57"/>
      <c r="B8" s="5">
        <v>0.61299999999999999</v>
      </c>
      <c r="C8" s="5">
        <v>0.32</v>
      </c>
      <c r="D8" s="5">
        <v>6.7000000000000004E-2</v>
      </c>
      <c r="E8" s="5">
        <v>0</v>
      </c>
      <c r="F8" s="5">
        <v>1</v>
      </c>
      <c r="H8" s="9"/>
      <c r="I8" s="9"/>
      <c r="J8" s="9"/>
      <c r="K8" s="9"/>
      <c r="L8" s="9"/>
      <c r="M8" s="9"/>
      <c r="N8" s="9"/>
      <c r="O8" s="9"/>
    </row>
    <row r="9" spans="1:15">
      <c r="A9" s="73" t="s">
        <v>171</v>
      </c>
      <c r="B9" s="6">
        <v>26</v>
      </c>
      <c r="C9" s="6">
        <v>32</v>
      </c>
      <c r="D9" s="6">
        <v>2</v>
      </c>
      <c r="E9" s="6">
        <v>11</v>
      </c>
      <c r="F9" s="6">
        <v>71</v>
      </c>
    </row>
    <row r="10" spans="1:15">
      <c r="A10" s="74"/>
      <c r="B10" s="5">
        <v>0.36599999999999999</v>
      </c>
      <c r="C10" s="5">
        <v>0.45100000000000001</v>
      </c>
      <c r="D10" s="5">
        <v>2.8000000000000001E-2</v>
      </c>
      <c r="E10" s="5">
        <v>0.155</v>
      </c>
      <c r="F10" s="5">
        <v>1</v>
      </c>
      <c r="H10" s="9"/>
      <c r="I10" s="9"/>
      <c r="J10" s="9"/>
      <c r="K10" s="9"/>
      <c r="L10" s="9"/>
      <c r="M10" s="9"/>
      <c r="N10" s="9"/>
      <c r="O10" s="9"/>
    </row>
    <row r="11" spans="1:15" ht="14.25" customHeight="1">
      <c r="A11" s="56" t="s">
        <v>29</v>
      </c>
      <c r="B11" s="4">
        <v>756</v>
      </c>
      <c r="C11" s="4">
        <v>720</v>
      </c>
      <c r="D11" s="4">
        <v>105</v>
      </c>
      <c r="E11" s="4">
        <v>31</v>
      </c>
      <c r="F11" s="4">
        <v>1612</v>
      </c>
    </row>
    <row r="12" spans="1:15">
      <c r="A12" s="57"/>
      <c r="B12" s="5">
        <v>0.46899999999999997</v>
      </c>
      <c r="C12" s="5">
        <v>0.44700000000000001</v>
      </c>
      <c r="D12" s="5">
        <v>6.5000000000000002E-2</v>
      </c>
      <c r="E12" s="5">
        <v>1.9E-2</v>
      </c>
      <c r="F12" s="5">
        <v>1</v>
      </c>
      <c r="H12" s="9"/>
      <c r="I12" s="9"/>
      <c r="J12" s="9"/>
      <c r="K12" s="9"/>
      <c r="L12" s="9"/>
      <c r="M12" s="9"/>
      <c r="N12" s="9"/>
      <c r="O12" s="9"/>
    </row>
    <row r="13" spans="1:15">
      <c r="A13" s="54" t="s">
        <v>520</v>
      </c>
      <c r="B13" s="54"/>
      <c r="C13" s="54"/>
      <c r="D13" s="54"/>
      <c r="E13" s="54"/>
      <c r="F13" s="54"/>
    </row>
    <row r="14" spans="1:15">
      <c r="A14" s="55"/>
      <c r="B14" s="55"/>
      <c r="C14" s="55"/>
      <c r="D14" s="55"/>
      <c r="E14" s="55"/>
      <c r="F14" s="55"/>
      <c r="H14" s="9"/>
      <c r="I14" s="9"/>
      <c r="J14" s="9"/>
      <c r="K14" s="9"/>
      <c r="L14" s="9"/>
    </row>
  </sheetData>
  <mergeCells count="7">
    <mergeCell ref="A11:A12"/>
    <mergeCell ref="A13:F14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4"/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87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5</v>
      </c>
      <c r="B3" s="53" t="s">
        <v>113</v>
      </c>
      <c r="C3" s="53"/>
      <c r="D3" s="53"/>
      <c r="E3" s="53"/>
      <c r="F3" s="2"/>
    </row>
    <row r="4" spans="1:6" ht="28.5">
      <c r="A4" s="78"/>
      <c r="B4" s="8" t="s">
        <v>151</v>
      </c>
      <c r="C4" s="8" t="s">
        <v>152</v>
      </c>
      <c r="D4" s="8" t="s">
        <v>42</v>
      </c>
      <c r="E4" s="8" t="s">
        <v>29</v>
      </c>
    </row>
    <row r="5" spans="1:6">
      <c r="A5" s="56" t="s">
        <v>576</v>
      </c>
      <c r="B5" s="4">
        <v>1488</v>
      </c>
      <c r="C5" s="4">
        <v>23</v>
      </c>
      <c r="D5" s="4">
        <v>3</v>
      </c>
      <c r="E5" s="4">
        <v>1514</v>
      </c>
    </row>
    <row r="6" spans="1:6">
      <c r="A6" s="61"/>
      <c r="B6" s="5">
        <v>0.98299999999999998</v>
      </c>
      <c r="C6" s="5">
        <v>1.4999999999999999E-2</v>
      </c>
      <c r="D6" s="5">
        <v>2E-3</v>
      </c>
      <c r="E6" s="5">
        <v>1</v>
      </c>
    </row>
    <row r="7" spans="1:6">
      <c r="A7" s="56" t="s">
        <v>513</v>
      </c>
      <c r="B7" s="6">
        <v>79</v>
      </c>
      <c r="C7" s="6">
        <v>3</v>
      </c>
      <c r="D7" s="6">
        <v>0</v>
      </c>
      <c r="E7" s="4">
        <v>82</v>
      </c>
    </row>
    <row r="8" spans="1:6">
      <c r="A8" s="57"/>
      <c r="B8" s="5">
        <v>0.96299999999999997</v>
      </c>
      <c r="C8" s="5">
        <v>3.6999999999999998E-2</v>
      </c>
      <c r="D8" s="5">
        <v>0</v>
      </c>
      <c r="E8" s="5">
        <v>1</v>
      </c>
    </row>
    <row r="9" spans="1:6">
      <c r="A9" s="73" t="s">
        <v>171</v>
      </c>
      <c r="B9" s="6">
        <v>76</v>
      </c>
      <c r="C9" s="6">
        <v>0</v>
      </c>
      <c r="D9" s="6">
        <v>1</v>
      </c>
      <c r="E9" s="6">
        <v>77</v>
      </c>
    </row>
    <row r="10" spans="1:6">
      <c r="A10" s="74"/>
      <c r="B10" s="5">
        <v>0.98699999999999999</v>
      </c>
      <c r="C10" s="5">
        <v>0</v>
      </c>
      <c r="D10" s="5">
        <v>1.2999999999999999E-2</v>
      </c>
      <c r="E10" s="5">
        <v>1</v>
      </c>
    </row>
    <row r="11" spans="1:6" ht="14.25" customHeight="1">
      <c r="A11" s="56" t="s">
        <v>29</v>
      </c>
      <c r="B11" s="4">
        <v>1643</v>
      </c>
      <c r="C11" s="4">
        <v>26</v>
      </c>
      <c r="D11" s="4">
        <v>4</v>
      </c>
      <c r="E11" s="4">
        <v>1673</v>
      </c>
    </row>
    <row r="12" spans="1:6">
      <c r="A12" s="57"/>
      <c r="B12" s="5">
        <v>0.98199999999999998</v>
      </c>
      <c r="C12" s="5">
        <v>1.6E-2</v>
      </c>
      <c r="D12" s="5">
        <v>2E-3</v>
      </c>
      <c r="E12" s="5">
        <v>1</v>
      </c>
    </row>
    <row r="13" spans="1:6">
      <c r="A13" s="54" t="s">
        <v>106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1:A12"/>
    <mergeCell ref="A13:E14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5"/>
  <dimension ref="A1:G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88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5</v>
      </c>
      <c r="B3" s="53" t="s">
        <v>114</v>
      </c>
      <c r="C3" s="53"/>
      <c r="D3" s="53"/>
      <c r="E3" s="53"/>
      <c r="F3" s="53"/>
      <c r="G3" s="2"/>
    </row>
    <row r="4" spans="1:7">
      <c r="A4" s="78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7">
      <c r="A5" s="56" t="s">
        <v>576</v>
      </c>
      <c r="B5" s="4">
        <v>293</v>
      </c>
      <c r="C5" s="4">
        <v>466</v>
      </c>
      <c r="D5" s="4">
        <v>741</v>
      </c>
      <c r="E5" s="4">
        <v>14</v>
      </c>
      <c r="F5" s="4">
        <v>1514</v>
      </c>
    </row>
    <row r="6" spans="1:7">
      <c r="A6" s="61"/>
      <c r="B6" s="5">
        <v>0.19400000000000001</v>
      </c>
      <c r="C6" s="5">
        <v>0.308</v>
      </c>
      <c r="D6" s="5">
        <v>0.48899999999999999</v>
      </c>
      <c r="E6" s="5">
        <v>8.9999999999999993E-3</v>
      </c>
      <c r="F6" s="5">
        <v>1</v>
      </c>
    </row>
    <row r="7" spans="1:7">
      <c r="A7" s="56" t="s">
        <v>513</v>
      </c>
      <c r="B7" s="6">
        <v>21</v>
      </c>
      <c r="C7" s="6">
        <v>30</v>
      </c>
      <c r="D7" s="6">
        <v>31</v>
      </c>
      <c r="E7" s="6">
        <v>0</v>
      </c>
      <c r="F7" s="4">
        <v>82</v>
      </c>
    </row>
    <row r="8" spans="1:7">
      <c r="A8" s="57"/>
      <c r="B8" s="5">
        <v>0.25600000000000001</v>
      </c>
      <c r="C8" s="5">
        <v>0.36599999999999999</v>
      </c>
      <c r="D8" s="5">
        <v>0.378</v>
      </c>
      <c r="E8" s="5">
        <v>0</v>
      </c>
      <c r="F8" s="5">
        <v>1</v>
      </c>
    </row>
    <row r="9" spans="1:7">
      <c r="A9" s="73" t="s">
        <v>171</v>
      </c>
      <c r="B9" s="6">
        <v>12</v>
      </c>
      <c r="C9" s="6">
        <v>18</v>
      </c>
      <c r="D9" s="6">
        <v>47</v>
      </c>
      <c r="E9" s="6">
        <v>0</v>
      </c>
      <c r="F9" s="6">
        <v>77</v>
      </c>
    </row>
    <row r="10" spans="1:7">
      <c r="A10" s="74"/>
      <c r="B10" s="5">
        <v>0.156</v>
      </c>
      <c r="C10" s="5">
        <v>0.23400000000000001</v>
      </c>
      <c r="D10" s="5">
        <v>0.61</v>
      </c>
      <c r="E10" s="5">
        <v>0</v>
      </c>
      <c r="F10" s="5">
        <v>1</v>
      </c>
    </row>
    <row r="11" spans="1:7" ht="14.25" customHeight="1">
      <c r="A11" s="56" t="s">
        <v>29</v>
      </c>
      <c r="B11" s="4">
        <v>326</v>
      </c>
      <c r="C11" s="4">
        <v>514</v>
      </c>
      <c r="D11" s="4">
        <v>819</v>
      </c>
      <c r="E11" s="4">
        <v>14</v>
      </c>
      <c r="F11" s="4">
        <v>1673</v>
      </c>
    </row>
    <row r="12" spans="1:7">
      <c r="A12" s="57"/>
      <c r="B12" s="5">
        <v>0.19500000000000001</v>
      </c>
      <c r="C12" s="5">
        <v>0.307</v>
      </c>
      <c r="D12" s="5">
        <v>0.49</v>
      </c>
      <c r="E12" s="5">
        <v>8.0000000000000002E-3</v>
      </c>
      <c r="F12" s="5">
        <v>1</v>
      </c>
    </row>
    <row r="13" spans="1:7">
      <c r="A13" s="54" t="s">
        <v>115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1:A12"/>
    <mergeCell ref="A13:F14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6"/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689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05</v>
      </c>
      <c r="B3" s="53" t="s">
        <v>11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8">
      <c r="A5" s="56" t="s">
        <v>576</v>
      </c>
      <c r="B5" s="4">
        <v>1162</v>
      </c>
      <c r="C5" s="4">
        <v>115</v>
      </c>
      <c r="D5" s="4">
        <v>184</v>
      </c>
      <c r="E5" s="4">
        <v>48</v>
      </c>
      <c r="F5" s="4">
        <v>5</v>
      </c>
      <c r="G5" s="4">
        <v>1514</v>
      </c>
    </row>
    <row r="6" spans="1:8">
      <c r="A6" s="61"/>
      <c r="B6" s="5">
        <v>0.76800000000000002</v>
      </c>
      <c r="C6" s="5">
        <v>7.5999999999999998E-2</v>
      </c>
      <c r="D6" s="5">
        <v>0.122</v>
      </c>
      <c r="E6" s="5">
        <v>3.2000000000000001E-2</v>
      </c>
      <c r="F6" s="5">
        <v>3.0000000000000001E-3</v>
      </c>
      <c r="G6" s="5">
        <v>1</v>
      </c>
    </row>
    <row r="7" spans="1:8">
      <c r="A7" s="56" t="s">
        <v>513</v>
      </c>
      <c r="B7" s="6">
        <v>65</v>
      </c>
      <c r="C7" s="6">
        <v>7</v>
      </c>
      <c r="D7" s="6">
        <v>7</v>
      </c>
      <c r="E7" s="6">
        <v>3</v>
      </c>
      <c r="F7" s="6">
        <v>0</v>
      </c>
      <c r="G7" s="4">
        <v>82</v>
      </c>
    </row>
    <row r="8" spans="1:8">
      <c r="A8" s="57"/>
      <c r="B8" s="5">
        <v>0.79300000000000004</v>
      </c>
      <c r="C8" s="5">
        <v>8.5000000000000006E-2</v>
      </c>
      <c r="D8" s="5">
        <v>8.5000000000000006E-2</v>
      </c>
      <c r="E8" s="5">
        <v>3.6999999999999998E-2</v>
      </c>
      <c r="F8" s="5">
        <v>0</v>
      </c>
      <c r="G8" s="5">
        <v>1</v>
      </c>
    </row>
    <row r="9" spans="1:8">
      <c r="A9" s="73" t="s">
        <v>171</v>
      </c>
      <c r="B9" s="6">
        <v>54</v>
      </c>
      <c r="C9" s="6">
        <v>7</v>
      </c>
      <c r="D9" s="6">
        <v>10</v>
      </c>
      <c r="E9" s="6">
        <v>4</v>
      </c>
      <c r="F9" s="6">
        <v>2</v>
      </c>
      <c r="G9" s="6">
        <v>77</v>
      </c>
    </row>
    <row r="10" spans="1:8">
      <c r="A10" s="74"/>
      <c r="B10" s="5">
        <v>0.70099999999999996</v>
      </c>
      <c r="C10" s="5">
        <v>9.0999999999999998E-2</v>
      </c>
      <c r="D10" s="5">
        <v>0.13</v>
      </c>
      <c r="E10" s="5">
        <v>5.1999999999999998E-2</v>
      </c>
      <c r="F10" s="5">
        <v>2.5999999999999999E-2</v>
      </c>
      <c r="G10" s="5">
        <v>1</v>
      </c>
    </row>
    <row r="11" spans="1:8" ht="14.25" customHeight="1">
      <c r="A11" s="56" t="s">
        <v>29</v>
      </c>
      <c r="B11" s="4">
        <v>1281</v>
      </c>
      <c r="C11" s="4">
        <v>129</v>
      </c>
      <c r="D11" s="4">
        <v>201</v>
      </c>
      <c r="E11" s="4">
        <v>55</v>
      </c>
      <c r="F11" s="4">
        <v>7</v>
      </c>
      <c r="G11" s="4">
        <v>1673</v>
      </c>
    </row>
    <row r="12" spans="1:8">
      <c r="A12" s="57"/>
      <c r="B12" s="5">
        <v>0.76600000000000001</v>
      </c>
      <c r="C12" s="5">
        <v>7.6999999999999999E-2</v>
      </c>
      <c r="D12" s="5">
        <v>0.12</v>
      </c>
      <c r="E12" s="5">
        <v>3.3000000000000002E-2</v>
      </c>
      <c r="F12" s="5">
        <v>4.0000000000000001E-3</v>
      </c>
      <c r="G12" s="5">
        <v>1</v>
      </c>
    </row>
    <row r="13" spans="1:8">
      <c r="A13" s="54" t="s">
        <v>119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1:A12"/>
    <mergeCell ref="A13:G14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7"/>
  <dimension ref="A1:G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90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5</v>
      </c>
      <c r="B3" s="53" t="s">
        <v>117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7">
      <c r="A5" s="56" t="s">
        <v>576</v>
      </c>
      <c r="B5" s="4">
        <v>853</v>
      </c>
      <c r="C5" s="4">
        <v>601</v>
      </c>
      <c r="D5" s="4">
        <v>49</v>
      </c>
      <c r="E5" s="4">
        <v>11</v>
      </c>
      <c r="F5" s="4">
        <v>1514</v>
      </c>
    </row>
    <row r="6" spans="1:7">
      <c r="A6" s="61"/>
      <c r="B6" s="5">
        <v>0.56299999999999994</v>
      </c>
      <c r="C6" s="5">
        <v>0.39700000000000002</v>
      </c>
      <c r="D6" s="5">
        <v>3.2000000000000001E-2</v>
      </c>
      <c r="E6" s="5">
        <v>7.0000000000000001E-3</v>
      </c>
      <c r="F6" s="5">
        <v>1</v>
      </c>
    </row>
    <row r="7" spans="1:7">
      <c r="A7" s="56" t="s">
        <v>513</v>
      </c>
      <c r="B7" s="6">
        <v>44</v>
      </c>
      <c r="C7" s="6">
        <v>35</v>
      </c>
      <c r="D7" s="6">
        <v>3</v>
      </c>
      <c r="E7" s="6">
        <v>0</v>
      </c>
      <c r="F7" s="4">
        <v>82</v>
      </c>
    </row>
    <row r="8" spans="1:7">
      <c r="A8" s="57"/>
      <c r="B8" s="5">
        <v>0.53700000000000003</v>
      </c>
      <c r="C8" s="5">
        <v>0.42699999999999999</v>
      </c>
      <c r="D8" s="5">
        <v>3.6999999999999998E-2</v>
      </c>
      <c r="E8" s="5">
        <v>0</v>
      </c>
      <c r="F8" s="5">
        <v>1</v>
      </c>
    </row>
    <row r="9" spans="1:7">
      <c r="A9" s="73" t="s">
        <v>171</v>
      </c>
      <c r="B9" s="6">
        <v>34</v>
      </c>
      <c r="C9" s="6">
        <v>38</v>
      </c>
      <c r="D9" s="6">
        <v>4</v>
      </c>
      <c r="E9" s="6">
        <v>1</v>
      </c>
      <c r="F9" s="6">
        <v>77</v>
      </c>
    </row>
    <row r="10" spans="1:7">
      <c r="A10" s="74"/>
      <c r="B10" s="5">
        <v>0.442</v>
      </c>
      <c r="C10" s="5">
        <v>0.49399999999999999</v>
      </c>
      <c r="D10" s="5">
        <v>5.1999999999999998E-2</v>
      </c>
      <c r="E10" s="5">
        <v>1.2999999999999999E-2</v>
      </c>
      <c r="F10" s="5">
        <v>1</v>
      </c>
    </row>
    <row r="11" spans="1:7" ht="14.25" customHeight="1">
      <c r="A11" s="56" t="s">
        <v>29</v>
      </c>
      <c r="B11" s="4">
        <v>931</v>
      </c>
      <c r="C11" s="4">
        <v>674</v>
      </c>
      <c r="D11" s="4">
        <v>56</v>
      </c>
      <c r="E11" s="4">
        <v>12</v>
      </c>
      <c r="F11" s="4">
        <v>1673</v>
      </c>
    </row>
    <row r="12" spans="1:7">
      <c r="A12" s="57"/>
      <c r="B12" s="5">
        <v>0.55600000000000005</v>
      </c>
      <c r="C12" s="5">
        <v>0.40300000000000002</v>
      </c>
      <c r="D12" s="5">
        <v>3.3000000000000002E-2</v>
      </c>
      <c r="E12" s="5">
        <v>7.0000000000000001E-3</v>
      </c>
      <c r="F12" s="5">
        <v>1</v>
      </c>
    </row>
    <row r="13" spans="1:7">
      <c r="A13" s="54" t="s">
        <v>118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1:A12"/>
    <mergeCell ref="A13:F14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8"/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91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5</v>
      </c>
      <c r="B3" s="53" t="s">
        <v>120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576</v>
      </c>
      <c r="B5" s="4">
        <v>942</v>
      </c>
      <c r="C5" s="4">
        <v>568</v>
      </c>
      <c r="D5" s="4">
        <v>4</v>
      </c>
      <c r="E5" s="4">
        <v>1514</v>
      </c>
    </row>
    <row r="6" spans="1:6">
      <c r="A6" s="61"/>
      <c r="B6" s="5">
        <v>0.622</v>
      </c>
      <c r="C6" s="5">
        <v>0.375</v>
      </c>
      <c r="D6" s="5">
        <v>3.0000000000000001E-3</v>
      </c>
      <c r="E6" s="5">
        <v>1</v>
      </c>
    </row>
    <row r="7" spans="1:6">
      <c r="A7" s="56" t="s">
        <v>513</v>
      </c>
      <c r="B7" s="6">
        <v>53</v>
      </c>
      <c r="C7" s="6">
        <v>29</v>
      </c>
      <c r="D7" s="6">
        <v>0</v>
      </c>
      <c r="E7" s="4">
        <v>82</v>
      </c>
    </row>
    <row r="8" spans="1:6">
      <c r="A8" s="57"/>
      <c r="B8" s="5">
        <v>0.64600000000000002</v>
      </c>
      <c r="C8" s="5">
        <v>0.35399999999999998</v>
      </c>
      <c r="D8" s="5">
        <v>0</v>
      </c>
      <c r="E8" s="5">
        <v>1</v>
      </c>
    </row>
    <row r="9" spans="1:6">
      <c r="A9" s="73" t="s">
        <v>171</v>
      </c>
      <c r="B9" s="6">
        <v>42</v>
      </c>
      <c r="C9" s="6">
        <v>34</v>
      </c>
      <c r="D9" s="6">
        <v>1</v>
      </c>
      <c r="E9" s="6">
        <v>77</v>
      </c>
    </row>
    <row r="10" spans="1:6">
      <c r="A10" s="74"/>
      <c r="B10" s="5">
        <v>0.54500000000000004</v>
      </c>
      <c r="C10" s="5">
        <v>0.442</v>
      </c>
      <c r="D10" s="5">
        <v>1.2999999999999999E-2</v>
      </c>
      <c r="E10" s="5">
        <v>1</v>
      </c>
    </row>
    <row r="11" spans="1:6" ht="14.25" customHeight="1">
      <c r="A11" s="56" t="s">
        <v>29</v>
      </c>
      <c r="B11" s="4">
        <v>1037</v>
      </c>
      <c r="C11" s="4">
        <v>631</v>
      </c>
      <c r="D11" s="4">
        <v>5</v>
      </c>
      <c r="E11" s="4">
        <v>1673</v>
      </c>
    </row>
    <row r="12" spans="1:6">
      <c r="A12" s="57"/>
      <c r="B12" s="5">
        <v>0.62</v>
      </c>
      <c r="C12" s="5">
        <v>0.377</v>
      </c>
      <c r="D12" s="5">
        <v>3.0000000000000001E-3</v>
      </c>
      <c r="E12" s="5">
        <v>1</v>
      </c>
    </row>
    <row r="13" spans="1:6">
      <c r="A13" s="54" t="s">
        <v>121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1:A12"/>
    <mergeCell ref="A13:E14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692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60.75" customHeight="1">
      <c r="A3" s="78" t="s">
        <v>205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56" t="s">
        <v>576</v>
      </c>
      <c r="B5" s="4">
        <v>73</v>
      </c>
      <c r="C5" s="4">
        <v>869</v>
      </c>
      <c r="D5" s="4">
        <v>750</v>
      </c>
      <c r="E5" s="4">
        <v>192</v>
      </c>
      <c r="F5" s="4">
        <v>294</v>
      </c>
      <c r="G5" s="4">
        <v>648</v>
      </c>
    </row>
    <row r="6" spans="1:7">
      <c r="A6" s="61"/>
      <c r="B6" s="5">
        <v>7.6999999999999999E-2</v>
      </c>
      <c r="C6" s="5">
        <v>0.92300000000000004</v>
      </c>
      <c r="D6" s="5">
        <v>0.79600000000000004</v>
      </c>
      <c r="E6" s="5">
        <v>0.20399999999999999</v>
      </c>
      <c r="F6" s="5">
        <v>0.312</v>
      </c>
      <c r="G6" s="5">
        <v>0.68799999999999994</v>
      </c>
    </row>
    <row r="7" spans="1:7">
      <c r="A7" s="56" t="s">
        <v>513</v>
      </c>
      <c r="B7" s="6">
        <v>2</v>
      </c>
      <c r="C7" s="6">
        <v>51</v>
      </c>
      <c r="D7" s="6">
        <v>41</v>
      </c>
      <c r="E7" s="6">
        <v>12</v>
      </c>
      <c r="F7" s="6">
        <v>23</v>
      </c>
      <c r="G7" s="6">
        <v>30</v>
      </c>
    </row>
    <row r="8" spans="1:7">
      <c r="A8" s="57"/>
      <c r="B8" s="5">
        <v>3.7999999999999999E-2</v>
      </c>
      <c r="C8" s="5">
        <v>0.96199999999999997</v>
      </c>
      <c r="D8" s="5">
        <v>0.77400000000000002</v>
      </c>
      <c r="E8" s="5">
        <v>0.22600000000000001</v>
      </c>
      <c r="F8" s="5">
        <v>0.434</v>
      </c>
      <c r="G8" s="5">
        <v>0.56599999999999995</v>
      </c>
    </row>
    <row r="9" spans="1:7">
      <c r="A9" s="56" t="s">
        <v>171</v>
      </c>
      <c r="B9" s="6">
        <v>2</v>
      </c>
      <c r="C9" s="6">
        <v>40</v>
      </c>
      <c r="D9" s="6">
        <v>33</v>
      </c>
      <c r="E9" s="6">
        <v>9</v>
      </c>
      <c r="F9" s="6">
        <v>12</v>
      </c>
      <c r="G9" s="6">
        <v>30</v>
      </c>
    </row>
    <row r="10" spans="1:7">
      <c r="A10" s="57"/>
      <c r="B10" s="5">
        <v>4.8000000000000001E-2</v>
      </c>
      <c r="C10" s="5">
        <v>0.95199999999999996</v>
      </c>
      <c r="D10" s="5">
        <v>0.78600000000000003</v>
      </c>
      <c r="E10" s="5">
        <v>0.214</v>
      </c>
      <c r="F10" s="5">
        <v>0.28599999999999998</v>
      </c>
      <c r="G10" s="5">
        <v>0.71399999999999997</v>
      </c>
    </row>
    <row r="11" spans="1:7">
      <c r="A11" s="56" t="s">
        <v>29</v>
      </c>
      <c r="B11" s="6">
        <v>77</v>
      </c>
      <c r="C11" s="6">
        <v>960</v>
      </c>
      <c r="D11" s="6">
        <v>824</v>
      </c>
      <c r="E11" s="6">
        <v>213</v>
      </c>
      <c r="F11" s="6">
        <v>329</v>
      </c>
      <c r="G11" s="6">
        <v>708</v>
      </c>
    </row>
    <row r="12" spans="1:7">
      <c r="A12" s="57"/>
      <c r="B12" s="5">
        <v>7.3999999999999996E-2</v>
      </c>
      <c r="C12" s="5">
        <v>0.92600000000000005</v>
      </c>
      <c r="D12" s="5">
        <v>0.79500000000000004</v>
      </c>
      <c r="E12" s="5">
        <v>0.20499999999999999</v>
      </c>
      <c r="F12" s="5">
        <v>0.317</v>
      </c>
      <c r="G12" s="5">
        <v>0.68300000000000005</v>
      </c>
    </row>
    <row r="14" spans="1:7" ht="33.75" customHeight="1">
      <c r="A14" s="78" t="s">
        <v>205</v>
      </c>
      <c r="B14" s="62" t="s">
        <v>243</v>
      </c>
      <c r="C14" s="63"/>
      <c r="D14" s="62" t="s">
        <v>244</v>
      </c>
      <c r="E14" s="63"/>
      <c r="F14" s="62" t="s">
        <v>245</v>
      </c>
      <c r="G14" s="64"/>
    </row>
    <row r="15" spans="1:7">
      <c r="A15" s="78"/>
      <c r="B15" s="8" t="s">
        <v>190</v>
      </c>
      <c r="C15" s="8" t="s">
        <v>191</v>
      </c>
      <c r="D15" s="8" t="s">
        <v>190</v>
      </c>
      <c r="E15" s="8" t="s">
        <v>191</v>
      </c>
      <c r="F15" s="8" t="s">
        <v>190</v>
      </c>
      <c r="G15" s="8" t="s">
        <v>191</v>
      </c>
    </row>
    <row r="16" spans="1:7">
      <c r="A16" s="56" t="s">
        <v>576</v>
      </c>
      <c r="B16" s="4">
        <v>628</v>
      </c>
      <c r="C16" s="4">
        <v>314</v>
      </c>
      <c r="D16" s="4">
        <v>28</v>
      </c>
      <c r="E16" s="4">
        <v>914</v>
      </c>
      <c r="F16" s="4">
        <v>58</v>
      </c>
      <c r="G16" s="4">
        <v>884</v>
      </c>
    </row>
    <row r="17" spans="1:7">
      <c r="A17" s="61"/>
      <c r="B17" s="5">
        <v>0.66700000000000004</v>
      </c>
      <c r="C17" s="5">
        <v>0.33300000000000002</v>
      </c>
      <c r="D17" s="5">
        <v>0.03</v>
      </c>
      <c r="E17" s="5">
        <v>0.97</v>
      </c>
      <c r="F17" s="5">
        <v>6.2E-2</v>
      </c>
      <c r="G17" s="5">
        <v>0.93799999999999994</v>
      </c>
    </row>
    <row r="18" spans="1:7">
      <c r="A18" s="56" t="s">
        <v>513</v>
      </c>
      <c r="B18" s="6">
        <v>30</v>
      </c>
      <c r="C18" s="6">
        <v>23</v>
      </c>
      <c r="D18" s="4">
        <v>1</v>
      </c>
      <c r="E18" s="6">
        <v>52</v>
      </c>
      <c r="F18" s="6">
        <v>4</v>
      </c>
      <c r="G18" s="6">
        <v>49</v>
      </c>
    </row>
    <row r="19" spans="1:7">
      <c r="A19" s="57"/>
      <c r="B19" s="5">
        <v>0.56599999999999995</v>
      </c>
      <c r="C19" s="5">
        <v>0.434</v>
      </c>
      <c r="D19" s="5">
        <v>1.9E-2</v>
      </c>
      <c r="E19" s="5">
        <v>0.98099999999999998</v>
      </c>
      <c r="F19" s="5">
        <v>7.4999999999999997E-2</v>
      </c>
      <c r="G19" s="5">
        <v>0.92500000000000004</v>
      </c>
    </row>
    <row r="20" spans="1:7">
      <c r="A20" s="56" t="s">
        <v>171</v>
      </c>
      <c r="B20" s="6">
        <v>22</v>
      </c>
      <c r="C20" s="6">
        <v>20</v>
      </c>
      <c r="D20" s="6">
        <v>1</v>
      </c>
      <c r="E20" s="6">
        <v>41</v>
      </c>
      <c r="F20" s="6">
        <v>0</v>
      </c>
      <c r="G20" s="6">
        <v>42</v>
      </c>
    </row>
    <row r="21" spans="1:7">
      <c r="A21" s="57"/>
      <c r="B21" s="5">
        <v>0.52400000000000002</v>
      </c>
      <c r="C21" s="5">
        <v>0.47599999999999998</v>
      </c>
      <c r="D21" s="5">
        <v>2.4E-2</v>
      </c>
      <c r="E21" s="5">
        <v>0.97599999999999998</v>
      </c>
      <c r="F21" s="5">
        <v>0</v>
      </c>
      <c r="G21" s="5">
        <v>1</v>
      </c>
    </row>
    <row r="22" spans="1:7">
      <c r="A22" s="56" t="s">
        <v>29</v>
      </c>
      <c r="B22" s="4">
        <v>680</v>
      </c>
      <c r="C22" s="4">
        <v>357</v>
      </c>
      <c r="D22" s="4">
        <v>30</v>
      </c>
      <c r="E22" s="4">
        <v>1007</v>
      </c>
      <c r="F22" s="4">
        <v>62</v>
      </c>
      <c r="G22" s="4">
        <v>975</v>
      </c>
    </row>
    <row r="23" spans="1:7">
      <c r="A23" s="57"/>
      <c r="B23" s="5">
        <v>0.65600000000000003</v>
      </c>
      <c r="C23" s="5">
        <v>0.34399999999999997</v>
      </c>
      <c r="D23" s="5">
        <v>2.9000000000000001E-2</v>
      </c>
      <c r="E23" s="5">
        <v>0.97099999999999997</v>
      </c>
      <c r="F23" s="5">
        <v>0.06</v>
      </c>
      <c r="G23" s="5">
        <v>0.94</v>
      </c>
    </row>
    <row r="25" spans="1:7" ht="45" customHeight="1">
      <c r="A25" s="78" t="s">
        <v>205</v>
      </c>
      <c r="B25" s="62" t="s">
        <v>246</v>
      </c>
      <c r="C25" s="63"/>
      <c r="D25" s="62" t="s">
        <v>247</v>
      </c>
      <c r="E25" s="63"/>
      <c r="F25" s="62" t="s">
        <v>248</v>
      </c>
      <c r="G25" s="64"/>
    </row>
    <row r="26" spans="1:7">
      <c r="A26" s="78"/>
      <c r="B26" s="8" t="s">
        <v>190</v>
      </c>
      <c r="C26" s="8" t="s">
        <v>191</v>
      </c>
      <c r="D26" s="8" t="s">
        <v>190</v>
      </c>
      <c r="E26" s="8" t="s">
        <v>191</v>
      </c>
      <c r="F26" s="8" t="s">
        <v>190</v>
      </c>
      <c r="G26" s="8" t="s">
        <v>191</v>
      </c>
    </row>
    <row r="27" spans="1:7">
      <c r="A27" s="56" t="s">
        <v>576</v>
      </c>
      <c r="B27" s="4">
        <v>33</v>
      </c>
      <c r="C27" s="4">
        <v>909</v>
      </c>
      <c r="D27" s="4">
        <v>1</v>
      </c>
      <c r="E27" s="4">
        <v>941</v>
      </c>
      <c r="F27" s="4">
        <v>18</v>
      </c>
      <c r="G27" s="4">
        <v>924</v>
      </c>
    </row>
    <row r="28" spans="1:7">
      <c r="A28" s="61"/>
      <c r="B28" s="5">
        <v>3.5000000000000003E-2</v>
      </c>
      <c r="C28" s="5">
        <v>0.96499999999999997</v>
      </c>
      <c r="D28" s="5">
        <v>1E-3</v>
      </c>
      <c r="E28" s="5">
        <v>0.999</v>
      </c>
      <c r="F28" s="5">
        <v>1.9E-2</v>
      </c>
      <c r="G28" s="5">
        <v>0.98099999999999998</v>
      </c>
    </row>
    <row r="29" spans="1:7">
      <c r="A29" s="56" t="s">
        <v>513</v>
      </c>
      <c r="B29" s="6">
        <v>0</v>
      </c>
      <c r="C29" s="6">
        <v>53</v>
      </c>
      <c r="D29" s="6">
        <v>0</v>
      </c>
      <c r="E29" s="6">
        <v>53</v>
      </c>
      <c r="F29" s="6">
        <v>1</v>
      </c>
      <c r="G29" s="6">
        <v>52</v>
      </c>
    </row>
    <row r="30" spans="1:7">
      <c r="A30" s="57"/>
      <c r="B30" s="5">
        <v>0</v>
      </c>
      <c r="C30" s="5">
        <v>1</v>
      </c>
      <c r="D30" s="5">
        <v>0</v>
      </c>
      <c r="E30" s="5">
        <v>1</v>
      </c>
      <c r="F30" s="5">
        <v>1.9E-2</v>
      </c>
      <c r="G30" s="5">
        <v>0.98099999999999998</v>
      </c>
    </row>
    <row r="31" spans="1:7">
      <c r="A31" s="56" t="s">
        <v>171</v>
      </c>
      <c r="B31" s="6">
        <v>0</v>
      </c>
      <c r="C31" s="6">
        <v>42</v>
      </c>
      <c r="D31" s="6">
        <v>0</v>
      </c>
      <c r="E31" s="6">
        <v>42</v>
      </c>
      <c r="F31" s="6">
        <v>0</v>
      </c>
      <c r="G31" s="6">
        <v>42</v>
      </c>
    </row>
    <row r="32" spans="1:7">
      <c r="A32" s="57"/>
      <c r="B32" s="5">
        <v>0</v>
      </c>
      <c r="C32" s="5">
        <v>1</v>
      </c>
      <c r="D32" s="5">
        <v>0</v>
      </c>
      <c r="E32" s="5">
        <v>1</v>
      </c>
      <c r="F32" s="5">
        <v>0</v>
      </c>
      <c r="G32" s="5">
        <v>1</v>
      </c>
    </row>
    <row r="33" spans="1:7">
      <c r="A33" s="56" t="s">
        <v>29</v>
      </c>
      <c r="B33" s="4">
        <v>33</v>
      </c>
      <c r="C33" s="4">
        <v>1004</v>
      </c>
      <c r="D33" s="4">
        <v>1</v>
      </c>
      <c r="E33" s="4">
        <v>1036</v>
      </c>
      <c r="F33" s="4">
        <v>19</v>
      </c>
      <c r="G33" s="4">
        <v>1018</v>
      </c>
    </row>
    <row r="34" spans="1:7">
      <c r="A34" s="57"/>
      <c r="B34" s="5">
        <v>3.2000000000000001E-2</v>
      </c>
      <c r="C34" s="5">
        <v>0.96799999999999997</v>
      </c>
      <c r="D34" s="5">
        <v>1E-3</v>
      </c>
      <c r="E34" s="5">
        <v>0.999</v>
      </c>
      <c r="F34" s="5">
        <v>1.7999999999999999E-2</v>
      </c>
      <c r="G34" s="5">
        <v>0.98199999999999998</v>
      </c>
    </row>
    <row r="35" spans="1:7">
      <c r="A35" s="55" t="s">
        <v>631</v>
      </c>
      <c r="B35" s="55"/>
      <c r="C35" s="55"/>
      <c r="D35" s="55"/>
      <c r="E35" s="55"/>
      <c r="F35" s="55"/>
      <c r="G35" s="55"/>
    </row>
    <row r="36" spans="1:7">
      <c r="A36" s="55"/>
      <c r="B36" s="55"/>
      <c r="C36" s="55"/>
      <c r="D36" s="55"/>
      <c r="E36" s="55"/>
      <c r="F36" s="55"/>
      <c r="G36" s="55"/>
    </row>
  </sheetData>
  <mergeCells count="25">
    <mergeCell ref="A27:A28"/>
    <mergeCell ref="A29:A30"/>
    <mergeCell ref="A31:A32"/>
    <mergeCell ref="A33:A34"/>
    <mergeCell ref="A35:G36"/>
    <mergeCell ref="A7:A8"/>
    <mergeCell ref="A9:A10"/>
    <mergeCell ref="A11:A12"/>
    <mergeCell ref="A18:A19"/>
    <mergeCell ref="A20:A21"/>
    <mergeCell ref="A14:A15"/>
    <mergeCell ref="A3:A4"/>
    <mergeCell ref="B3:C3"/>
    <mergeCell ref="D3:E3"/>
    <mergeCell ref="F3:G3"/>
    <mergeCell ref="A5:A6"/>
    <mergeCell ref="B14:C14"/>
    <mergeCell ref="D14:E14"/>
    <mergeCell ref="F14:G14"/>
    <mergeCell ref="A16:A17"/>
    <mergeCell ref="A25:A26"/>
    <mergeCell ref="B25:C25"/>
    <mergeCell ref="D25:E25"/>
    <mergeCell ref="F25:G25"/>
    <mergeCell ref="A22:A23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0"/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93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5</v>
      </c>
      <c r="B3" s="53" t="s">
        <v>122</v>
      </c>
      <c r="C3" s="53"/>
      <c r="D3" s="53"/>
      <c r="E3" s="53"/>
      <c r="F3" s="2"/>
    </row>
    <row r="4" spans="1:6" ht="27.75" customHeight="1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56" t="s">
        <v>576</v>
      </c>
      <c r="B5" s="4">
        <v>831</v>
      </c>
      <c r="C5" s="4">
        <v>676</v>
      </c>
      <c r="D5" s="4">
        <v>7</v>
      </c>
      <c r="E5" s="4">
        <v>1514</v>
      </c>
    </row>
    <row r="6" spans="1:6">
      <c r="A6" s="61"/>
      <c r="B6" s="5">
        <v>0.54900000000000004</v>
      </c>
      <c r="C6" s="5">
        <v>0.44600000000000001</v>
      </c>
      <c r="D6" s="5">
        <v>5.0000000000000001E-3</v>
      </c>
      <c r="E6" s="5">
        <v>1</v>
      </c>
    </row>
    <row r="7" spans="1:6">
      <c r="A7" s="56" t="s">
        <v>513</v>
      </c>
      <c r="B7" s="6">
        <v>49</v>
      </c>
      <c r="C7" s="6">
        <v>33</v>
      </c>
      <c r="D7" s="6">
        <v>0</v>
      </c>
      <c r="E7" s="4">
        <v>82</v>
      </c>
    </row>
    <row r="8" spans="1:6">
      <c r="A8" s="57"/>
      <c r="B8" s="5">
        <v>0.59799999999999998</v>
      </c>
      <c r="C8" s="5">
        <v>0.40200000000000002</v>
      </c>
      <c r="D8" s="5">
        <v>0</v>
      </c>
      <c r="E8" s="5">
        <v>1</v>
      </c>
    </row>
    <row r="9" spans="1:6">
      <c r="A9" s="73" t="s">
        <v>171</v>
      </c>
      <c r="B9" s="6">
        <v>36</v>
      </c>
      <c r="C9" s="6">
        <v>39</v>
      </c>
      <c r="D9" s="6">
        <v>2</v>
      </c>
      <c r="E9" s="6">
        <v>77</v>
      </c>
    </row>
    <row r="10" spans="1:6">
      <c r="A10" s="74"/>
      <c r="B10" s="5">
        <v>0.46800000000000003</v>
      </c>
      <c r="C10" s="5">
        <v>0.50600000000000001</v>
      </c>
      <c r="D10" s="5">
        <v>2.5999999999999999E-2</v>
      </c>
      <c r="E10" s="5">
        <v>1</v>
      </c>
    </row>
    <row r="11" spans="1:6" ht="14.25" customHeight="1">
      <c r="A11" s="56" t="s">
        <v>29</v>
      </c>
      <c r="B11" s="4">
        <v>916</v>
      </c>
      <c r="C11" s="4">
        <v>748</v>
      </c>
      <c r="D11" s="4">
        <v>9</v>
      </c>
      <c r="E11" s="4">
        <v>1673</v>
      </c>
    </row>
    <row r="12" spans="1:6">
      <c r="A12" s="57"/>
      <c r="B12" s="5">
        <v>0.54800000000000004</v>
      </c>
      <c r="C12" s="5">
        <v>0.44700000000000001</v>
      </c>
      <c r="D12" s="5">
        <v>5.0000000000000001E-3</v>
      </c>
      <c r="E12" s="5">
        <v>1</v>
      </c>
    </row>
    <row r="13" spans="1:6">
      <c r="A13" s="54" t="s">
        <v>123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1:A12"/>
    <mergeCell ref="A13:E14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1"/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694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5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576</v>
      </c>
      <c r="B5" s="4">
        <v>608</v>
      </c>
      <c r="C5" s="4">
        <v>177</v>
      </c>
      <c r="D5" s="4">
        <v>46</v>
      </c>
      <c r="E5" s="4">
        <v>831</v>
      </c>
    </row>
    <row r="6" spans="1:6">
      <c r="A6" s="61"/>
      <c r="B6" s="5">
        <v>0.73199999999999998</v>
      </c>
      <c r="C6" s="5">
        <v>0.21299999999999999</v>
      </c>
      <c r="D6" s="5">
        <v>5.5E-2</v>
      </c>
      <c r="E6" s="5">
        <v>1</v>
      </c>
    </row>
    <row r="7" spans="1:6">
      <c r="A7" s="56" t="s">
        <v>513</v>
      </c>
      <c r="B7" s="6">
        <v>35</v>
      </c>
      <c r="C7" s="6">
        <v>11</v>
      </c>
      <c r="D7" s="6">
        <v>3</v>
      </c>
      <c r="E7" s="4">
        <v>49</v>
      </c>
    </row>
    <row r="8" spans="1:6">
      <c r="A8" s="57"/>
      <c r="B8" s="5">
        <v>0.71399999999999997</v>
      </c>
      <c r="C8" s="5">
        <v>0.224</v>
      </c>
      <c r="D8" s="5">
        <v>6.0999999999999999E-2</v>
      </c>
      <c r="E8" s="5">
        <v>1</v>
      </c>
    </row>
    <row r="9" spans="1:6">
      <c r="A9" s="73" t="s">
        <v>171</v>
      </c>
      <c r="B9" s="6">
        <v>23</v>
      </c>
      <c r="C9" s="6">
        <v>6</v>
      </c>
      <c r="D9" s="6">
        <v>7</v>
      </c>
      <c r="E9" s="6">
        <v>36</v>
      </c>
    </row>
    <row r="10" spans="1:6">
      <c r="A10" s="74"/>
      <c r="B10" s="5">
        <v>0.63900000000000001</v>
      </c>
      <c r="C10" s="5">
        <v>0.16700000000000001</v>
      </c>
      <c r="D10" s="5">
        <v>0.19400000000000001</v>
      </c>
      <c r="E10" s="5">
        <v>1</v>
      </c>
    </row>
    <row r="11" spans="1:6" ht="14.25" customHeight="1">
      <c r="A11" s="56" t="s">
        <v>29</v>
      </c>
      <c r="B11" s="6">
        <v>666</v>
      </c>
      <c r="C11" s="6">
        <v>194</v>
      </c>
      <c r="D11" s="6">
        <v>56</v>
      </c>
      <c r="E11" s="6">
        <v>916</v>
      </c>
    </row>
    <row r="12" spans="1:6">
      <c r="A12" s="57"/>
      <c r="B12" s="5">
        <v>0.72699999999999998</v>
      </c>
      <c r="C12" s="5">
        <v>0.21199999999999999</v>
      </c>
      <c r="D12" s="5">
        <v>6.0999999999999999E-2</v>
      </c>
      <c r="E12" s="5">
        <v>1</v>
      </c>
    </row>
    <row r="13" spans="1:6">
      <c r="A13" s="54" t="s">
        <v>125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1:A12"/>
    <mergeCell ref="A13:E14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04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26</v>
      </c>
      <c r="B3" s="53" t="s">
        <v>122</v>
      </c>
      <c r="C3" s="53"/>
      <c r="D3" s="53"/>
      <c r="E3" s="53"/>
      <c r="F3" s="2"/>
    </row>
    <row r="4" spans="1:13" ht="28.5">
      <c r="A4" s="60"/>
      <c r="B4" s="8" t="s">
        <v>160</v>
      </c>
      <c r="C4" s="8" t="s">
        <v>161</v>
      </c>
      <c r="D4" s="8" t="s">
        <v>27</v>
      </c>
      <c r="E4" s="8" t="s">
        <v>28</v>
      </c>
    </row>
    <row r="5" spans="1:13">
      <c r="A5" s="56" t="s">
        <v>30</v>
      </c>
      <c r="B5" s="4">
        <v>739</v>
      </c>
      <c r="C5" s="4">
        <v>661</v>
      </c>
      <c r="D5" s="4">
        <v>6</v>
      </c>
      <c r="E5" s="4">
        <v>1406</v>
      </c>
    </row>
    <row r="6" spans="1:13">
      <c r="A6" s="61"/>
      <c r="B6" s="5">
        <v>0.52600000000000002</v>
      </c>
      <c r="C6" s="5">
        <v>0.47</v>
      </c>
      <c r="D6" s="5">
        <v>4.0000000000000001E-3</v>
      </c>
      <c r="E6" s="5">
        <v>1</v>
      </c>
    </row>
    <row r="7" spans="1:13">
      <c r="A7" s="56" t="s">
        <v>31</v>
      </c>
      <c r="B7" s="6">
        <v>447</v>
      </c>
      <c r="C7" s="6">
        <v>314</v>
      </c>
      <c r="D7" s="6">
        <v>4</v>
      </c>
      <c r="E7" s="4">
        <v>765</v>
      </c>
    </row>
    <row r="8" spans="1:13">
      <c r="A8" s="57"/>
      <c r="B8" s="5">
        <v>0.58399999999999996</v>
      </c>
      <c r="C8" s="5">
        <v>0.41</v>
      </c>
      <c r="D8" s="5">
        <v>5.0000000000000001E-3</v>
      </c>
      <c r="E8" s="5">
        <v>1</v>
      </c>
      <c r="J8" s="9"/>
      <c r="K8" s="9"/>
      <c r="L8" s="9"/>
      <c r="M8" s="9"/>
    </row>
    <row r="9" spans="1:13">
      <c r="A9" s="56" t="s">
        <v>32</v>
      </c>
      <c r="B9" s="6">
        <v>138</v>
      </c>
      <c r="C9" s="6">
        <v>102</v>
      </c>
      <c r="D9" s="6">
        <v>0</v>
      </c>
      <c r="E9" s="6">
        <v>240</v>
      </c>
    </row>
    <row r="10" spans="1:13">
      <c r="A10" s="57"/>
      <c r="B10" s="5">
        <v>0.57499999999999996</v>
      </c>
      <c r="C10" s="5">
        <v>0.42499999999999999</v>
      </c>
      <c r="D10" s="5">
        <v>0</v>
      </c>
      <c r="E10" s="5">
        <v>1</v>
      </c>
      <c r="J10" s="9"/>
      <c r="K10" s="9"/>
      <c r="L10" s="9"/>
      <c r="M10" s="9"/>
    </row>
    <row r="11" spans="1:13" ht="14.25" customHeight="1">
      <c r="A11" s="58" t="s">
        <v>38</v>
      </c>
      <c r="B11" s="6">
        <v>131</v>
      </c>
      <c r="C11" s="6">
        <v>66</v>
      </c>
      <c r="D11" s="6">
        <v>2</v>
      </c>
      <c r="E11" s="6">
        <v>199</v>
      </c>
    </row>
    <row r="12" spans="1:13">
      <c r="A12" s="59"/>
      <c r="B12" s="5">
        <v>0.65800000000000003</v>
      </c>
      <c r="C12" s="5">
        <v>0.33200000000000002</v>
      </c>
      <c r="D12" s="5">
        <v>0.01</v>
      </c>
      <c r="E12" s="5">
        <v>1</v>
      </c>
      <c r="J12" s="9"/>
      <c r="K12" s="9"/>
      <c r="L12" s="9"/>
      <c r="M12" s="9"/>
    </row>
    <row r="13" spans="1:13">
      <c r="A13" s="56" t="s">
        <v>33</v>
      </c>
      <c r="B13" s="6">
        <v>176</v>
      </c>
      <c r="C13" s="6">
        <v>112</v>
      </c>
      <c r="D13" s="6">
        <v>1</v>
      </c>
      <c r="E13" s="6">
        <v>289</v>
      </c>
    </row>
    <row r="14" spans="1:13">
      <c r="A14" s="57"/>
      <c r="B14" s="5">
        <v>0.60899999999999999</v>
      </c>
      <c r="C14" s="5">
        <v>0.38800000000000001</v>
      </c>
      <c r="D14" s="5">
        <v>3.0000000000000001E-3</v>
      </c>
      <c r="E14" s="5">
        <v>1</v>
      </c>
      <c r="J14" s="9"/>
      <c r="K14" s="9"/>
      <c r="L14" s="9"/>
      <c r="M14" s="9"/>
    </row>
    <row r="15" spans="1:13">
      <c r="A15" s="56" t="s">
        <v>34</v>
      </c>
      <c r="B15" s="6">
        <v>120</v>
      </c>
      <c r="C15" s="6">
        <v>132</v>
      </c>
      <c r="D15" s="6">
        <v>0</v>
      </c>
      <c r="E15" s="6">
        <v>252</v>
      </c>
    </row>
    <row r="16" spans="1:13">
      <c r="A16" s="57"/>
      <c r="B16" s="5">
        <v>0.47599999999999998</v>
      </c>
      <c r="C16" s="5">
        <v>0.52400000000000002</v>
      </c>
      <c r="D16" s="5">
        <v>0</v>
      </c>
      <c r="E16" s="5">
        <v>1</v>
      </c>
      <c r="J16" s="9"/>
      <c r="K16" s="9"/>
      <c r="L16" s="9"/>
      <c r="M16" s="9"/>
    </row>
    <row r="17" spans="1:13">
      <c r="A17" s="56" t="s">
        <v>35</v>
      </c>
      <c r="B17" s="6">
        <v>210</v>
      </c>
      <c r="C17" s="6">
        <v>164</v>
      </c>
      <c r="D17" s="6">
        <v>2</v>
      </c>
      <c r="E17" s="6">
        <v>376</v>
      </c>
    </row>
    <row r="18" spans="1:13">
      <c r="A18" s="57"/>
      <c r="B18" s="5">
        <v>0.55900000000000005</v>
      </c>
      <c r="C18" s="5">
        <v>0.436</v>
      </c>
      <c r="D18" s="5">
        <v>5.0000000000000001E-3</v>
      </c>
      <c r="E18" s="5">
        <v>1</v>
      </c>
      <c r="J18" s="9"/>
      <c r="K18" s="9"/>
      <c r="L18" s="9"/>
      <c r="M18" s="9"/>
    </row>
    <row r="19" spans="1:13">
      <c r="A19" s="56" t="s">
        <v>36</v>
      </c>
      <c r="B19" s="6">
        <v>69</v>
      </c>
      <c r="C19" s="6">
        <v>89</v>
      </c>
      <c r="D19" s="6">
        <v>0</v>
      </c>
      <c r="E19" s="6">
        <v>158</v>
      </c>
    </row>
    <row r="20" spans="1:13">
      <c r="A20" s="57"/>
      <c r="B20" s="5">
        <v>0.437</v>
      </c>
      <c r="C20" s="5">
        <v>0.56299999999999994</v>
      </c>
      <c r="D20" s="5">
        <v>0</v>
      </c>
      <c r="E20" s="5">
        <v>1</v>
      </c>
      <c r="J20" s="9"/>
      <c r="K20" s="9"/>
      <c r="L20" s="9"/>
      <c r="M20" s="9"/>
    </row>
    <row r="21" spans="1:13">
      <c r="A21" s="56" t="s">
        <v>29</v>
      </c>
      <c r="B21" s="4">
        <v>2030</v>
      </c>
      <c r="C21" s="4">
        <v>1640</v>
      </c>
      <c r="D21" s="4">
        <v>15</v>
      </c>
      <c r="E21" s="4">
        <v>3685</v>
      </c>
    </row>
    <row r="22" spans="1:13">
      <c r="A22" s="57"/>
      <c r="B22" s="5">
        <v>0.55100000000000005</v>
      </c>
      <c r="C22" s="5">
        <v>0.44500000000000001</v>
      </c>
      <c r="D22" s="5">
        <v>4.0000000000000001E-3</v>
      </c>
      <c r="E22" s="5">
        <v>1</v>
      </c>
      <c r="J22" s="9"/>
      <c r="K22" s="9"/>
      <c r="L22" s="9"/>
      <c r="M22" s="9"/>
    </row>
    <row r="23" spans="1:13">
      <c r="A23" s="54" t="s">
        <v>123</v>
      </c>
      <c r="B23" s="54"/>
      <c r="C23" s="54"/>
      <c r="D23" s="54"/>
      <c r="E23" s="54"/>
    </row>
    <row r="24" spans="1:13">
      <c r="A24" s="55"/>
      <c r="B24" s="55"/>
      <c r="C24" s="55"/>
      <c r="D24" s="55"/>
      <c r="E24" s="55"/>
      <c r="J24" s="9"/>
      <c r="K24" s="9"/>
      <c r="L24" s="9"/>
      <c r="M24" s="9"/>
    </row>
  </sheetData>
  <mergeCells count="12">
    <mergeCell ref="A23:E24"/>
    <mergeCell ref="A3:A4"/>
    <mergeCell ref="B3:E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2"/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695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05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56" t="s">
        <v>576</v>
      </c>
      <c r="B5" s="4">
        <v>266</v>
      </c>
      <c r="C5" s="4">
        <v>518</v>
      </c>
      <c r="D5" s="4">
        <v>426</v>
      </c>
      <c r="E5" s="4">
        <v>253</v>
      </c>
      <c r="F5" s="4">
        <v>51</v>
      </c>
      <c r="G5" s="4">
        <v>1514</v>
      </c>
    </row>
    <row r="6" spans="1:8">
      <c r="A6" s="61"/>
      <c r="B6" s="5">
        <v>0.17599999999999999</v>
      </c>
      <c r="C6" s="5">
        <v>0.34200000000000003</v>
      </c>
      <c r="D6" s="5">
        <v>0.28100000000000003</v>
      </c>
      <c r="E6" s="5">
        <v>0.16700000000000001</v>
      </c>
      <c r="F6" s="5">
        <v>3.4000000000000002E-2</v>
      </c>
      <c r="G6" s="5">
        <v>1</v>
      </c>
    </row>
    <row r="7" spans="1:8">
      <c r="A7" s="56" t="s">
        <v>513</v>
      </c>
      <c r="B7" s="6">
        <v>15</v>
      </c>
      <c r="C7" s="6">
        <v>25</v>
      </c>
      <c r="D7" s="6">
        <v>20</v>
      </c>
      <c r="E7" s="6">
        <v>19</v>
      </c>
      <c r="F7" s="6">
        <v>3</v>
      </c>
      <c r="G7" s="4">
        <v>82</v>
      </c>
    </row>
    <row r="8" spans="1:8">
      <c r="A8" s="57"/>
      <c r="B8" s="5">
        <v>0.183</v>
      </c>
      <c r="C8" s="5">
        <v>0.30499999999999999</v>
      </c>
      <c r="D8" s="5">
        <v>0.24399999999999999</v>
      </c>
      <c r="E8" s="5">
        <v>0.23200000000000001</v>
      </c>
      <c r="F8" s="5">
        <v>3.6999999999999998E-2</v>
      </c>
      <c r="G8" s="5">
        <v>1</v>
      </c>
    </row>
    <row r="9" spans="1:8">
      <c r="A9" s="73" t="s">
        <v>171</v>
      </c>
      <c r="B9" s="6">
        <v>12</v>
      </c>
      <c r="C9" s="6">
        <v>28</v>
      </c>
      <c r="D9" s="6">
        <v>17</v>
      </c>
      <c r="E9" s="6">
        <v>15</v>
      </c>
      <c r="F9" s="6">
        <v>5</v>
      </c>
      <c r="G9" s="6">
        <v>77</v>
      </c>
    </row>
    <row r="10" spans="1:8">
      <c r="A10" s="74"/>
      <c r="B10" s="5">
        <v>0.156</v>
      </c>
      <c r="C10" s="5">
        <v>0.36399999999999999</v>
      </c>
      <c r="D10" s="5">
        <v>0.221</v>
      </c>
      <c r="E10" s="5">
        <v>0.19500000000000001</v>
      </c>
      <c r="F10" s="5">
        <v>6.5000000000000002E-2</v>
      </c>
      <c r="G10" s="5">
        <v>1</v>
      </c>
    </row>
    <row r="11" spans="1:8" ht="14.25" customHeight="1">
      <c r="A11" s="56" t="s">
        <v>29</v>
      </c>
      <c r="B11" s="4">
        <v>293</v>
      </c>
      <c r="C11" s="4">
        <v>571</v>
      </c>
      <c r="D11" s="4">
        <v>463</v>
      </c>
      <c r="E11" s="4">
        <v>287</v>
      </c>
      <c r="F11" s="4">
        <v>59</v>
      </c>
      <c r="G11" s="4">
        <v>1673</v>
      </c>
    </row>
    <row r="12" spans="1:8">
      <c r="A12" s="57"/>
      <c r="B12" s="5">
        <v>0.17499999999999999</v>
      </c>
      <c r="C12" s="5">
        <v>0.34100000000000003</v>
      </c>
      <c r="D12" s="5">
        <v>0.27700000000000002</v>
      </c>
      <c r="E12" s="5">
        <v>0.17199999999999999</v>
      </c>
      <c r="F12" s="5">
        <v>3.5000000000000003E-2</v>
      </c>
      <c r="G12" s="5">
        <v>1</v>
      </c>
    </row>
    <row r="13" spans="1:8">
      <c r="A13" s="54" t="s">
        <v>127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1:A12"/>
    <mergeCell ref="A13:G14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3"/>
  <dimension ref="A1:G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96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5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56" t="s">
        <v>576</v>
      </c>
      <c r="B5" s="4">
        <v>101</v>
      </c>
      <c r="C5" s="4">
        <v>1100</v>
      </c>
      <c r="D5" s="4">
        <v>310</v>
      </c>
      <c r="E5" s="4">
        <v>3</v>
      </c>
      <c r="F5" s="4">
        <v>1514</v>
      </c>
    </row>
    <row r="6" spans="1:7">
      <c r="A6" s="61"/>
      <c r="B6" s="5">
        <v>6.7000000000000004E-2</v>
      </c>
      <c r="C6" s="5">
        <v>0.72699999999999998</v>
      </c>
      <c r="D6" s="5">
        <v>0.20499999999999999</v>
      </c>
      <c r="E6" s="5">
        <v>2E-3</v>
      </c>
      <c r="F6" s="5">
        <v>1</v>
      </c>
    </row>
    <row r="7" spans="1:7">
      <c r="A7" s="56" t="s">
        <v>513</v>
      </c>
      <c r="B7" s="6">
        <v>10</v>
      </c>
      <c r="C7" s="6">
        <v>52</v>
      </c>
      <c r="D7" s="6">
        <v>20</v>
      </c>
      <c r="E7" s="6">
        <v>0</v>
      </c>
      <c r="F7" s="4">
        <v>82</v>
      </c>
    </row>
    <row r="8" spans="1:7">
      <c r="A8" s="57"/>
      <c r="B8" s="5">
        <v>0.122</v>
      </c>
      <c r="C8" s="5">
        <v>0.63400000000000001</v>
      </c>
      <c r="D8" s="5">
        <v>0.24399999999999999</v>
      </c>
      <c r="E8" s="5">
        <v>0</v>
      </c>
      <c r="F8" s="5">
        <v>1</v>
      </c>
    </row>
    <row r="9" spans="1:7">
      <c r="A9" s="56" t="s">
        <v>171</v>
      </c>
      <c r="B9" s="6">
        <v>5</v>
      </c>
      <c r="C9" s="6">
        <v>46</v>
      </c>
      <c r="D9" s="6">
        <v>25</v>
      </c>
      <c r="E9" s="6">
        <v>1</v>
      </c>
      <c r="F9" s="6">
        <v>77</v>
      </c>
    </row>
    <row r="10" spans="1:7">
      <c r="A10" s="57"/>
      <c r="B10" s="5">
        <v>6.5000000000000002E-2</v>
      </c>
      <c r="C10" s="5">
        <v>0.59699999999999998</v>
      </c>
      <c r="D10" s="5">
        <v>0.32500000000000001</v>
      </c>
      <c r="E10" s="5">
        <v>1.2999999999999999E-2</v>
      </c>
      <c r="F10" s="5">
        <v>1</v>
      </c>
    </row>
    <row r="11" spans="1:7" ht="14.25" customHeight="1">
      <c r="A11" s="56" t="s">
        <v>29</v>
      </c>
      <c r="B11" s="4">
        <v>116</v>
      </c>
      <c r="C11" s="4">
        <v>1198</v>
      </c>
      <c r="D11" s="4">
        <v>355</v>
      </c>
      <c r="E11" s="4">
        <v>4</v>
      </c>
      <c r="F11" s="4">
        <v>1673</v>
      </c>
    </row>
    <row r="12" spans="1:7">
      <c r="A12" s="57"/>
      <c r="B12" s="5">
        <v>6.9000000000000006E-2</v>
      </c>
      <c r="C12" s="5">
        <v>0.71599999999999997</v>
      </c>
      <c r="D12" s="5">
        <v>0.21199999999999999</v>
      </c>
      <c r="E12" s="5">
        <v>2E-3</v>
      </c>
      <c r="F12" s="5">
        <v>1</v>
      </c>
    </row>
    <row r="13" spans="1:7">
      <c r="A13" s="54" t="s">
        <v>129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1:A12"/>
    <mergeCell ref="A13:F14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4"/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697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05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56" t="s">
        <v>576</v>
      </c>
      <c r="B5" s="4">
        <v>64</v>
      </c>
      <c r="C5" s="4">
        <v>23</v>
      </c>
      <c r="D5" s="4">
        <v>4</v>
      </c>
      <c r="E5" s="4">
        <v>7</v>
      </c>
      <c r="F5" s="4">
        <v>3</v>
      </c>
      <c r="G5" s="4">
        <v>101</v>
      </c>
    </row>
    <row r="6" spans="1:8">
      <c r="A6" s="61"/>
      <c r="B6" s="5">
        <v>0.63400000000000001</v>
      </c>
      <c r="C6" s="5">
        <v>0.22800000000000001</v>
      </c>
      <c r="D6" s="5">
        <v>0.04</v>
      </c>
      <c r="E6" s="5">
        <v>6.9000000000000006E-2</v>
      </c>
      <c r="F6" s="5">
        <v>0.03</v>
      </c>
      <c r="G6" s="5">
        <v>1</v>
      </c>
    </row>
    <row r="7" spans="1:8">
      <c r="A7" s="56" t="s">
        <v>513</v>
      </c>
      <c r="B7" s="6">
        <v>5</v>
      </c>
      <c r="C7" s="6">
        <v>3</v>
      </c>
      <c r="D7" s="6">
        <v>1</v>
      </c>
      <c r="E7" s="6">
        <v>1</v>
      </c>
      <c r="F7" s="6">
        <v>0</v>
      </c>
      <c r="G7" s="4">
        <v>10</v>
      </c>
    </row>
    <row r="8" spans="1:8">
      <c r="A8" s="57"/>
      <c r="B8" s="5">
        <v>0.5</v>
      </c>
      <c r="C8" s="5">
        <v>0.3</v>
      </c>
      <c r="D8" s="5">
        <v>0.1</v>
      </c>
      <c r="E8" s="5">
        <v>0.1</v>
      </c>
      <c r="F8" s="5">
        <v>0</v>
      </c>
      <c r="G8" s="5">
        <v>1</v>
      </c>
    </row>
    <row r="9" spans="1:8">
      <c r="A9" s="73" t="s">
        <v>171</v>
      </c>
      <c r="B9" s="6">
        <v>4</v>
      </c>
      <c r="C9" s="6">
        <v>0</v>
      </c>
      <c r="D9" s="6">
        <v>0</v>
      </c>
      <c r="E9" s="6">
        <v>0</v>
      </c>
      <c r="F9" s="6">
        <v>1</v>
      </c>
      <c r="G9" s="6">
        <v>5</v>
      </c>
    </row>
    <row r="10" spans="1:8">
      <c r="A10" s="76"/>
      <c r="B10" s="5">
        <v>0.8</v>
      </c>
      <c r="C10" s="5">
        <v>0</v>
      </c>
      <c r="D10" s="5">
        <v>0</v>
      </c>
      <c r="E10" s="5">
        <v>0</v>
      </c>
      <c r="F10" s="5">
        <v>0.2</v>
      </c>
      <c r="G10" s="5">
        <v>1</v>
      </c>
    </row>
    <row r="11" spans="1:8" ht="14.25" customHeight="1">
      <c r="A11" s="56" t="s">
        <v>29</v>
      </c>
      <c r="B11" s="6">
        <v>73</v>
      </c>
      <c r="C11" s="6">
        <v>26</v>
      </c>
      <c r="D11" s="6">
        <v>5</v>
      </c>
      <c r="E11" s="6">
        <v>8</v>
      </c>
      <c r="F11" s="6">
        <v>4</v>
      </c>
      <c r="G11" s="6">
        <v>116</v>
      </c>
    </row>
    <row r="12" spans="1:8">
      <c r="A12" s="57"/>
      <c r="B12" s="5">
        <v>0.629</v>
      </c>
      <c r="C12" s="5">
        <v>0.224</v>
      </c>
      <c r="D12" s="5">
        <v>4.2999999999999997E-2</v>
      </c>
      <c r="E12" s="5">
        <v>6.9000000000000006E-2</v>
      </c>
      <c r="F12" s="5">
        <v>3.4000000000000002E-2</v>
      </c>
      <c r="G12" s="5">
        <v>1</v>
      </c>
    </row>
    <row r="13" spans="1:8">
      <c r="A13" s="54" t="s">
        <v>131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1:A12"/>
    <mergeCell ref="A13:G14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verticalDpi="0" r:id="rId1"/>
</worksheet>
</file>

<file path=xl/worksheets/sheet1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5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98</v>
      </c>
    </row>
    <row r="2" spans="1:7" ht="14.25" customHeight="1">
      <c r="A2" s="41" t="s">
        <v>812</v>
      </c>
      <c r="C2" s="7"/>
      <c r="D2" s="7"/>
    </row>
    <row r="3" spans="1:7" ht="14.25" customHeight="1">
      <c r="A3" s="78" t="s">
        <v>206</v>
      </c>
      <c r="B3" s="53" t="s">
        <v>103</v>
      </c>
      <c r="C3" s="53"/>
      <c r="D3" s="53"/>
      <c r="E3" s="2"/>
    </row>
    <row r="4" spans="1:7">
      <c r="A4" s="78"/>
      <c r="B4" s="8" t="s">
        <v>142</v>
      </c>
      <c r="C4" s="8" t="s">
        <v>150</v>
      </c>
      <c r="D4" s="8" t="s">
        <v>29</v>
      </c>
    </row>
    <row r="5" spans="1:7">
      <c r="A5" s="73" t="s">
        <v>207</v>
      </c>
      <c r="B5" s="4">
        <v>773</v>
      </c>
      <c r="C5" s="4">
        <v>105</v>
      </c>
      <c r="D5" s="4">
        <v>878</v>
      </c>
    </row>
    <row r="6" spans="1:7">
      <c r="A6" s="77"/>
      <c r="B6" s="5">
        <v>0.88</v>
      </c>
      <c r="C6" s="5">
        <v>0.12</v>
      </c>
      <c r="D6" s="5">
        <v>1</v>
      </c>
    </row>
    <row r="7" spans="1:7">
      <c r="A7" s="73" t="s">
        <v>208</v>
      </c>
      <c r="B7" s="6">
        <v>0</v>
      </c>
      <c r="C7" s="6">
        <v>0</v>
      </c>
      <c r="D7" s="4">
        <v>0</v>
      </c>
      <c r="G7" s="9"/>
    </row>
    <row r="8" spans="1:7">
      <c r="A8" s="76"/>
      <c r="B8" s="5">
        <v>0</v>
      </c>
      <c r="C8" s="5">
        <v>0</v>
      </c>
      <c r="D8" s="5">
        <v>0</v>
      </c>
    </row>
    <row r="9" spans="1:7">
      <c r="A9" s="73" t="s">
        <v>209</v>
      </c>
      <c r="B9" s="6">
        <v>0</v>
      </c>
      <c r="C9" s="6">
        <v>0</v>
      </c>
      <c r="D9" s="6">
        <v>0</v>
      </c>
    </row>
    <row r="10" spans="1:7">
      <c r="A10" s="76"/>
      <c r="B10" s="5">
        <v>0</v>
      </c>
      <c r="C10" s="5">
        <v>0</v>
      </c>
      <c r="D10" s="5">
        <v>0</v>
      </c>
      <c r="G10" s="9"/>
    </row>
    <row r="11" spans="1:7" ht="14.25" customHeight="1">
      <c r="A11" s="73" t="s">
        <v>171</v>
      </c>
      <c r="B11" s="6">
        <v>0</v>
      </c>
      <c r="C11" s="6">
        <v>0</v>
      </c>
      <c r="D11" s="6">
        <v>0</v>
      </c>
    </row>
    <row r="12" spans="1:7">
      <c r="A12" s="76"/>
      <c r="B12" s="5">
        <v>0</v>
      </c>
      <c r="C12" s="5">
        <v>0</v>
      </c>
      <c r="D12" s="5">
        <v>0</v>
      </c>
    </row>
    <row r="13" spans="1:7">
      <c r="A13" s="56" t="s">
        <v>29</v>
      </c>
      <c r="B13" s="6">
        <v>773</v>
      </c>
      <c r="C13" s="6">
        <v>105</v>
      </c>
      <c r="D13" s="6">
        <v>878</v>
      </c>
    </row>
    <row r="14" spans="1:7">
      <c r="A14" s="57"/>
      <c r="B14" s="5">
        <v>0.88</v>
      </c>
      <c r="C14" s="5">
        <v>0.12</v>
      </c>
      <c r="D14" s="5">
        <v>1</v>
      </c>
    </row>
    <row r="15" spans="1:7">
      <c r="A15" s="54" t="s">
        <v>521</v>
      </c>
      <c r="B15" s="54"/>
      <c r="C15" s="54"/>
      <c r="D15" s="54"/>
    </row>
    <row r="16" spans="1:7">
      <c r="A16" s="55"/>
      <c r="B16" s="55"/>
      <c r="C16" s="55"/>
      <c r="D16" s="55"/>
    </row>
  </sheetData>
  <mergeCells count="8">
    <mergeCell ref="A13:A14"/>
    <mergeCell ref="A15:D16"/>
    <mergeCell ref="A3:A4"/>
    <mergeCell ref="B3:D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6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699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6</v>
      </c>
      <c r="B3" s="53" t="s">
        <v>111</v>
      </c>
      <c r="C3" s="53"/>
      <c r="D3" s="53"/>
      <c r="E3" s="53"/>
      <c r="F3" s="53"/>
      <c r="G3" s="2"/>
    </row>
    <row r="4" spans="1:7" ht="42.75">
      <c r="A4" s="78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7">
      <c r="A5" s="73" t="s">
        <v>207</v>
      </c>
      <c r="B5" s="4">
        <v>897</v>
      </c>
      <c r="C5" s="4">
        <v>35</v>
      </c>
      <c r="D5" s="4">
        <v>2</v>
      </c>
      <c r="E5" s="4">
        <v>1</v>
      </c>
      <c r="F5" s="4">
        <v>935</v>
      </c>
    </row>
    <row r="6" spans="1:7">
      <c r="A6" s="77"/>
      <c r="B6" s="5">
        <v>0.95899999999999996</v>
      </c>
      <c r="C6" s="5">
        <v>3.6999999999999998E-2</v>
      </c>
      <c r="D6" s="5">
        <v>2E-3</v>
      </c>
      <c r="E6" s="5">
        <v>1E-3</v>
      </c>
      <c r="F6" s="5">
        <v>1</v>
      </c>
    </row>
    <row r="7" spans="1:7">
      <c r="A7" s="73" t="s">
        <v>208</v>
      </c>
      <c r="B7" s="4">
        <v>2057</v>
      </c>
      <c r="C7" s="4">
        <v>56</v>
      </c>
      <c r="D7" s="4">
        <v>1</v>
      </c>
      <c r="E7" s="4">
        <v>0</v>
      </c>
      <c r="F7" s="4">
        <v>2114</v>
      </c>
    </row>
    <row r="8" spans="1:7">
      <c r="A8" s="74"/>
      <c r="B8" s="5">
        <v>0.97299999999999998</v>
      </c>
      <c r="C8" s="5">
        <v>2.5999999999999999E-2</v>
      </c>
      <c r="D8" s="5">
        <v>0</v>
      </c>
      <c r="E8" s="5">
        <v>0</v>
      </c>
      <c r="F8" s="5">
        <v>1</v>
      </c>
    </row>
    <row r="9" spans="1:7">
      <c r="A9" s="73" t="s">
        <v>209</v>
      </c>
      <c r="B9" s="6">
        <v>617</v>
      </c>
      <c r="C9" s="6">
        <v>13</v>
      </c>
      <c r="D9" s="6">
        <v>4</v>
      </c>
      <c r="E9" s="6">
        <v>0</v>
      </c>
      <c r="F9" s="6">
        <v>634</v>
      </c>
    </row>
    <row r="10" spans="1:7">
      <c r="A10" s="74"/>
      <c r="B10" s="5">
        <v>0.97299999999999998</v>
      </c>
      <c r="C10" s="5">
        <v>2.1000000000000001E-2</v>
      </c>
      <c r="D10" s="5">
        <v>6.0000000000000001E-3</v>
      </c>
      <c r="E10" s="5">
        <v>0</v>
      </c>
      <c r="F10" s="5">
        <v>1</v>
      </c>
    </row>
    <row r="11" spans="1:7" ht="14.25" customHeight="1">
      <c r="A11" s="73" t="s">
        <v>171</v>
      </c>
      <c r="B11" s="6">
        <v>1</v>
      </c>
      <c r="C11" s="6">
        <v>0</v>
      </c>
      <c r="D11" s="6">
        <v>0</v>
      </c>
      <c r="E11" s="6">
        <v>1</v>
      </c>
      <c r="F11" s="6">
        <v>2</v>
      </c>
    </row>
    <row r="12" spans="1:7">
      <c r="A12" s="74"/>
      <c r="B12" s="5">
        <v>0.5</v>
      </c>
      <c r="C12" s="5">
        <v>0</v>
      </c>
      <c r="D12" s="5">
        <v>0</v>
      </c>
      <c r="E12" s="5">
        <v>0.5</v>
      </c>
      <c r="F12" s="5">
        <v>1</v>
      </c>
    </row>
    <row r="13" spans="1:7">
      <c r="A13" s="56" t="s">
        <v>29</v>
      </c>
      <c r="B13" s="4">
        <v>3572</v>
      </c>
      <c r="C13" s="4">
        <v>104</v>
      </c>
      <c r="D13" s="4">
        <v>7</v>
      </c>
      <c r="E13" s="4">
        <v>2</v>
      </c>
      <c r="F13" s="4">
        <v>3685</v>
      </c>
    </row>
    <row r="14" spans="1:7">
      <c r="A14" s="57"/>
      <c r="B14" s="5">
        <v>0.96899999999999997</v>
      </c>
      <c r="C14" s="5">
        <v>2.8000000000000001E-2</v>
      </c>
      <c r="D14" s="5">
        <v>2E-3</v>
      </c>
      <c r="E14" s="5">
        <v>1E-3</v>
      </c>
      <c r="F14" s="5">
        <v>1</v>
      </c>
    </row>
    <row r="15" spans="1:7">
      <c r="A15" s="54" t="s">
        <v>105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7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00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6</v>
      </c>
      <c r="B3" s="53" t="s">
        <v>519</v>
      </c>
      <c r="C3" s="53"/>
      <c r="D3" s="53"/>
      <c r="E3" s="53"/>
      <c r="F3" s="53"/>
      <c r="G3" s="2"/>
    </row>
    <row r="4" spans="1:7">
      <c r="A4" s="78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7">
      <c r="A5" s="73" t="s">
        <v>207</v>
      </c>
      <c r="B5" s="4">
        <v>439</v>
      </c>
      <c r="C5" s="4">
        <v>369</v>
      </c>
      <c r="D5" s="4">
        <v>69</v>
      </c>
      <c r="E5" s="4">
        <v>20</v>
      </c>
      <c r="F5" s="4">
        <v>897</v>
      </c>
    </row>
    <row r="6" spans="1:7">
      <c r="A6" s="77"/>
      <c r="B6" s="5">
        <v>0.48899999999999999</v>
      </c>
      <c r="C6" s="5">
        <v>0.41099999999999998</v>
      </c>
      <c r="D6" s="5">
        <v>7.6999999999999999E-2</v>
      </c>
      <c r="E6" s="5">
        <v>2.1999999999999999E-2</v>
      </c>
      <c r="F6" s="5">
        <v>1</v>
      </c>
    </row>
    <row r="7" spans="1:7">
      <c r="A7" s="73" t="s">
        <v>208</v>
      </c>
      <c r="B7" s="6">
        <v>884</v>
      </c>
      <c r="C7" s="6">
        <v>962</v>
      </c>
      <c r="D7" s="6">
        <v>145</v>
      </c>
      <c r="E7" s="6">
        <v>66</v>
      </c>
      <c r="F7" s="4">
        <v>2057</v>
      </c>
    </row>
    <row r="8" spans="1:7">
      <c r="A8" s="74"/>
      <c r="B8" s="5">
        <v>0.43</v>
      </c>
      <c r="C8" s="5">
        <v>0.46800000000000003</v>
      </c>
      <c r="D8" s="5">
        <v>7.0000000000000007E-2</v>
      </c>
      <c r="E8" s="5">
        <v>3.2000000000000001E-2</v>
      </c>
      <c r="F8" s="5">
        <v>1</v>
      </c>
    </row>
    <row r="9" spans="1:7">
      <c r="A9" s="73" t="s">
        <v>209</v>
      </c>
      <c r="B9" s="6">
        <v>267</v>
      </c>
      <c r="C9" s="6">
        <v>294</v>
      </c>
      <c r="D9" s="6">
        <v>42</v>
      </c>
      <c r="E9" s="6">
        <v>14</v>
      </c>
      <c r="F9" s="6">
        <v>617</v>
      </c>
    </row>
    <row r="10" spans="1:7">
      <c r="A10" s="74"/>
      <c r="B10" s="5">
        <v>0.433</v>
      </c>
      <c r="C10" s="5">
        <v>0.47599999999999998</v>
      </c>
      <c r="D10" s="5">
        <v>6.8000000000000005E-2</v>
      </c>
      <c r="E10" s="5">
        <v>2.3E-2</v>
      </c>
      <c r="F10" s="5">
        <v>1</v>
      </c>
    </row>
    <row r="11" spans="1:7" ht="14.25" customHeight="1">
      <c r="A11" s="73" t="s">
        <v>171</v>
      </c>
      <c r="B11" s="6">
        <v>1</v>
      </c>
      <c r="C11" s="6">
        <v>0</v>
      </c>
      <c r="D11" s="6">
        <v>0</v>
      </c>
      <c r="E11" s="6">
        <v>0</v>
      </c>
      <c r="F11" s="6">
        <v>1</v>
      </c>
    </row>
    <row r="12" spans="1:7">
      <c r="A12" s="74"/>
      <c r="B12" s="5">
        <v>1</v>
      </c>
      <c r="C12" s="5">
        <v>0</v>
      </c>
      <c r="D12" s="5">
        <v>0</v>
      </c>
      <c r="E12" s="5">
        <v>0</v>
      </c>
      <c r="F12" s="5">
        <v>1</v>
      </c>
    </row>
    <row r="13" spans="1:7">
      <c r="A13" s="56" t="s">
        <v>29</v>
      </c>
      <c r="B13" s="4">
        <v>1591</v>
      </c>
      <c r="C13" s="4">
        <v>1625</v>
      </c>
      <c r="D13" s="4">
        <v>256</v>
      </c>
      <c r="E13" s="4">
        <v>100</v>
      </c>
      <c r="F13" s="4">
        <v>3572</v>
      </c>
    </row>
    <row r="14" spans="1:7">
      <c r="A14" s="57"/>
      <c r="B14" s="5">
        <v>0.44500000000000001</v>
      </c>
      <c r="C14" s="5">
        <v>0.45500000000000002</v>
      </c>
      <c r="D14" s="5">
        <v>7.1999999999999995E-2</v>
      </c>
      <c r="E14" s="5">
        <v>2.8000000000000001E-2</v>
      </c>
      <c r="F14" s="5">
        <v>1</v>
      </c>
    </row>
    <row r="15" spans="1:7">
      <c r="A15" s="54" t="s">
        <v>520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8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01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6</v>
      </c>
      <c r="B3" s="53" t="s">
        <v>113</v>
      </c>
      <c r="C3" s="53"/>
      <c r="D3" s="53"/>
      <c r="E3" s="53"/>
      <c r="F3" s="2"/>
    </row>
    <row r="4" spans="1:6" ht="28.5">
      <c r="A4" s="78"/>
      <c r="B4" s="8" t="s">
        <v>151</v>
      </c>
      <c r="C4" s="8" t="s">
        <v>152</v>
      </c>
      <c r="D4" s="8" t="s">
        <v>42</v>
      </c>
      <c r="E4" s="8" t="s">
        <v>29</v>
      </c>
    </row>
    <row r="5" spans="1:6">
      <c r="A5" s="73" t="s">
        <v>207</v>
      </c>
      <c r="B5" s="4">
        <v>919</v>
      </c>
      <c r="C5" s="4">
        <v>14</v>
      </c>
      <c r="D5" s="4">
        <v>2</v>
      </c>
      <c r="E5" s="4">
        <v>935</v>
      </c>
    </row>
    <row r="6" spans="1:6">
      <c r="A6" s="77"/>
      <c r="B6" s="5">
        <v>0.98299999999999998</v>
      </c>
      <c r="C6" s="5">
        <v>1.4999999999999999E-2</v>
      </c>
      <c r="D6" s="5">
        <v>2E-3</v>
      </c>
      <c r="E6" s="5">
        <v>1</v>
      </c>
    </row>
    <row r="7" spans="1:6">
      <c r="A7" s="73" t="s">
        <v>208</v>
      </c>
      <c r="B7" s="4">
        <v>2092</v>
      </c>
      <c r="C7" s="4">
        <v>18</v>
      </c>
      <c r="D7" s="4">
        <v>4</v>
      </c>
      <c r="E7" s="4">
        <v>2114</v>
      </c>
    </row>
    <row r="8" spans="1:6">
      <c r="A8" s="74"/>
      <c r="B8" s="5">
        <v>0.99</v>
      </c>
      <c r="C8" s="5">
        <v>8.9999999999999993E-3</v>
      </c>
      <c r="D8" s="5">
        <v>2E-3</v>
      </c>
      <c r="E8" s="5">
        <v>1</v>
      </c>
    </row>
    <row r="9" spans="1:6">
      <c r="A9" s="73" t="s">
        <v>209</v>
      </c>
      <c r="B9" s="6">
        <v>625</v>
      </c>
      <c r="C9" s="6">
        <v>7</v>
      </c>
      <c r="D9" s="6">
        <v>2</v>
      </c>
      <c r="E9" s="6">
        <v>634</v>
      </c>
    </row>
    <row r="10" spans="1:6">
      <c r="A10" s="74"/>
      <c r="B10" s="5">
        <v>0.98599999999999999</v>
      </c>
      <c r="C10" s="5">
        <v>1.0999999999999999E-2</v>
      </c>
      <c r="D10" s="5">
        <v>3.0000000000000001E-3</v>
      </c>
      <c r="E10" s="5">
        <v>1</v>
      </c>
    </row>
    <row r="11" spans="1:6" ht="14.25" customHeight="1">
      <c r="A11" s="73" t="s">
        <v>171</v>
      </c>
      <c r="B11" s="6">
        <v>1</v>
      </c>
      <c r="C11" s="6">
        <v>0</v>
      </c>
      <c r="D11" s="6">
        <v>1</v>
      </c>
      <c r="E11" s="6">
        <v>2</v>
      </c>
    </row>
    <row r="12" spans="1:6">
      <c r="A12" s="74"/>
      <c r="B12" s="5">
        <v>0.5</v>
      </c>
      <c r="C12" s="5">
        <v>0</v>
      </c>
      <c r="D12" s="5">
        <v>0.5</v>
      </c>
      <c r="E12" s="5">
        <v>1</v>
      </c>
    </row>
    <row r="13" spans="1:6">
      <c r="A13" s="56" t="s">
        <v>29</v>
      </c>
      <c r="B13" s="4">
        <v>3637</v>
      </c>
      <c r="C13" s="4">
        <v>39</v>
      </c>
      <c r="D13" s="4">
        <v>9</v>
      </c>
      <c r="E13" s="4">
        <v>3685</v>
      </c>
    </row>
    <row r="14" spans="1:6">
      <c r="A14" s="57"/>
      <c r="B14" s="5">
        <v>0.98699999999999999</v>
      </c>
      <c r="C14" s="5">
        <v>1.0999999999999999E-2</v>
      </c>
      <c r="D14" s="5">
        <v>2E-3</v>
      </c>
      <c r="E14" s="5">
        <v>1</v>
      </c>
    </row>
    <row r="15" spans="1:6">
      <c r="A15" s="54" t="s">
        <v>106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9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02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6</v>
      </c>
      <c r="B3" s="53" t="s">
        <v>114</v>
      </c>
      <c r="C3" s="53"/>
      <c r="D3" s="53"/>
      <c r="E3" s="53"/>
      <c r="F3" s="53"/>
      <c r="G3" s="2"/>
    </row>
    <row r="4" spans="1:7">
      <c r="A4" s="78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7">
      <c r="A5" s="73" t="s">
        <v>207</v>
      </c>
      <c r="B5" s="4">
        <v>184</v>
      </c>
      <c r="C5" s="4">
        <v>298</v>
      </c>
      <c r="D5" s="4">
        <v>442</v>
      </c>
      <c r="E5" s="4">
        <v>11</v>
      </c>
      <c r="F5" s="4">
        <v>935</v>
      </c>
    </row>
    <row r="6" spans="1:7">
      <c r="A6" s="77"/>
      <c r="B6" s="5">
        <v>0.19700000000000001</v>
      </c>
      <c r="C6" s="5">
        <v>0.31900000000000001</v>
      </c>
      <c r="D6" s="5">
        <v>0.47299999999999998</v>
      </c>
      <c r="E6" s="5">
        <v>1.2E-2</v>
      </c>
      <c r="F6" s="5">
        <v>1</v>
      </c>
    </row>
    <row r="7" spans="1:7">
      <c r="A7" s="73" t="s">
        <v>208</v>
      </c>
      <c r="B7" s="4">
        <v>389</v>
      </c>
      <c r="C7" s="4">
        <v>699</v>
      </c>
      <c r="D7" s="4">
        <v>1013</v>
      </c>
      <c r="E7" s="4">
        <v>13</v>
      </c>
      <c r="F7" s="4">
        <v>2114</v>
      </c>
    </row>
    <row r="8" spans="1:7">
      <c r="A8" s="74"/>
      <c r="B8" s="5">
        <v>0.184</v>
      </c>
      <c r="C8" s="5">
        <v>0.33100000000000002</v>
      </c>
      <c r="D8" s="5">
        <v>0.47899999999999998</v>
      </c>
      <c r="E8" s="5">
        <v>6.0000000000000001E-3</v>
      </c>
      <c r="F8" s="5">
        <v>1</v>
      </c>
    </row>
    <row r="9" spans="1:7">
      <c r="A9" s="73" t="s">
        <v>209</v>
      </c>
      <c r="B9" s="6">
        <v>97</v>
      </c>
      <c r="C9" s="6">
        <v>195</v>
      </c>
      <c r="D9" s="6">
        <v>336</v>
      </c>
      <c r="E9" s="6">
        <v>6</v>
      </c>
      <c r="F9" s="6">
        <v>634</v>
      </c>
    </row>
    <row r="10" spans="1:7">
      <c r="A10" s="74"/>
      <c r="B10" s="5">
        <v>0.153</v>
      </c>
      <c r="C10" s="5">
        <v>0.308</v>
      </c>
      <c r="D10" s="5">
        <v>0.53</v>
      </c>
      <c r="E10" s="5">
        <v>8.9999999999999993E-3</v>
      </c>
      <c r="F10" s="5">
        <v>1</v>
      </c>
    </row>
    <row r="11" spans="1:7" ht="14.25" customHeight="1">
      <c r="A11" s="73" t="s">
        <v>171</v>
      </c>
      <c r="B11" s="6">
        <v>0</v>
      </c>
      <c r="C11" s="6">
        <v>0</v>
      </c>
      <c r="D11" s="6">
        <v>1</v>
      </c>
      <c r="E11" s="6">
        <v>1</v>
      </c>
      <c r="F11" s="6">
        <v>2</v>
      </c>
    </row>
    <row r="12" spans="1:7">
      <c r="A12" s="74"/>
      <c r="B12" s="5">
        <v>0</v>
      </c>
      <c r="C12" s="5">
        <v>0</v>
      </c>
      <c r="D12" s="5">
        <v>0.5</v>
      </c>
      <c r="E12" s="5">
        <v>0.5</v>
      </c>
      <c r="F12" s="5">
        <v>1</v>
      </c>
    </row>
    <row r="13" spans="1:7">
      <c r="A13" s="56" t="s">
        <v>29</v>
      </c>
      <c r="B13" s="4">
        <v>670</v>
      </c>
      <c r="C13" s="4">
        <v>1192</v>
      </c>
      <c r="D13" s="4">
        <v>1792</v>
      </c>
      <c r="E13" s="4">
        <v>31</v>
      </c>
      <c r="F13" s="4">
        <v>3685</v>
      </c>
    </row>
    <row r="14" spans="1:7">
      <c r="A14" s="57"/>
      <c r="B14" s="5">
        <v>0.182</v>
      </c>
      <c r="C14" s="5">
        <v>0.32300000000000001</v>
      </c>
      <c r="D14" s="5">
        <v>0.48599999999999999</v>
      </c>
      <c r="E14" s="5">
        <v>8.0000000000000002E-3</v>
      </c>
      <c r="F14" s="5">
        <v>1</v>
      </c>
    </row>
    <row r="15" spans="1:7">
      <c r="A15" s="54" t="s">
        <v>115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0"/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03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06</v>
      </c>
      <c r="B3" s="53" t="s">
        <v>11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8">
      <c r="A5" s="73" t="s">
        <v>207</v>
      </c>
      <c r="B5" s="4">
        <v>734</v>
      </c>
      <c r="C5" s="4">
        <v>69</v>
      </c>
      <c r="D5" s="4">
        <v>97</v>
      </c>
      <c r="E5" s="4">
        <v>32</v>
      </c>
      <c r="F5" s="4">
        <v>3</v>
      </c>
      <c r="G5" s="4">
        <v>935</v>
      </c>
    </row>
    <row r="6" spans="1:8">
      <c r="A6" s="77"/>
      <c r="B6" s="5">
        <v>0.78500000000000003</v>
      </c>
      <c r="C6" s="5">
        <v>7.3999999999999996E-2</v>
      </c>
      <c r="D6" s="5">
        <v>0.104</v>
      </c>
      <c r="E6" s="5">
        <v>3.4000000000000002E-2</v>
      </c>
      <c r="F6" s="5">
        <v>3.0000000000000001E-3</v>
      </c>
      <c r="G6" s="5">
        <v>1</v>
      </c>
    </row>
    <row r="7" spans="1:8">
      <c r="A7" s="73" t="s">
        <v>208</v>
      </c>
      <c r="B7" s="4">
        <v>1610</v>
      </c>
      <c r="C7" s="4">
        <v>156</v>
      </c>
      <c r="D7" s="4">
        <v>262</v>
      </c>
      <c r="E7" s="4">
        <v>73</v>
      </c>
      <c r="F7" s="4">
        <v>13</v>
      </c>
      <c r="G7" s="4">
        <v>2114</v>
      </c>
    </row>
    <row r="8" spans="1:8">
      <c r="A8" s="74"/>
      <c r="B8" s="5">
        <v>0.76200000000000001</v>
      </c>
      <c r="C8" s="5">
        <v>7.3999999999999996E-2</v>
      </c>
      <c r="D8" s="5">
        <v>0.124</v>
      </c>
      <c r="E8" s="5">
        <v>3.5000000000000003E-2</v>
      </c>
      <c r="F8" s="5">
        <v>6.0000000000000001E-3</v>
      </c>
      <c r="G8" s="5">
        <v>1</v>
      </c>
    </row>
    <row r="9" spans="1:8">
      <c r="A9" s="73" t="s">
        <v>209</v>
      </c>
      <c r="B9" s="6">
        <v>480</v>
      </c>
      <c r="C9" s="6">
        <v>43</v>
      </c>
      <c r="D9" s="6">
        <v>94</v>
      </c>
      <c r="E9" s="6">
        <v>15</v>
      </c>
      <c r="F9" s="6">
        <v>2</v>
      </c>
      <c r="G9" s="6">
        <v>634</v>
      </c>
    </row>
    <row r="10" spans="1:8">
      <c r="A10" s="74"/>
      <c r="B10" s="5">
        <v>0.75700000000000001</v>
      </c>
      <c r="C10" s="5">
        <v>6.8000000000000005E-2</v>
      </c>
      <c r="D10" s="5">
        <v>0.14799999999999999</v>
      </c>
      <c r="E10" s="5">
        <v>2.4E-2</v>
      </c>
      <c r="F10" s="5">
        <v>3.0000000000000001E-3</v>
      </c>
      <c r="G10" s="5">
        <v>1</v>
      </c>
    </row>
    <row r="11" spans="1:8" ht="14.25" customHeight="1">
      <c r="A11" s="73" t="s">
        <v>171</v>
      </c>
      <c r="B11" s="6">
        <v>1</v>
      </c>
      <c r="C11" s="6">
        <v>0</v>
      </c>
      <c r="D11" s="6">
        <v>0</v>
      </c>
      <c r="E11" s="6">
        <v>0</v>
      </c>
      <c r="F11" s="6">
        <v>1</v>
      </c>
      <c r="G11" s="6">
        <v>2</v>
      </c>
    </row>
    <row r="12" spans="1:8">
      <c r="A12" s="74"/>
      <c r="B12" s="5">
        <v>0.5</v>
      </c>
      <c r="C12" s="5">
        <v>0</v>
      </c>
      <c r="D12" s="5">
        <v>0</v>
      </c>
      <c r="E12" s="5">
        <v>0</v>
      </c>
      <c r="F12" s="5">
        <v>0.5</v>
      </c>
      <c r="G12" s="5">
        <v>1</v>
      </c>
    </row>
    <row r="13" spans="1:8">
      <c r="A13" s="56" t="s">
        <v>29</v>
      </c>
      <c r="B13" s="4">
        <v>2825</v>
      </c>
      <c r="C13" s="4">
        <v>268</v>
      </c>
      <c r="D13" s="4">
        <v>453</v>
      </c>
      <c r="E13" s="4">
        <v>120</v>
      </c>
      <c r="F13" s="4">
        <v>19</v>
      </c>
      <c r="G13" s="4">
        <v>3685</v>
      </c>
    </row>
    <row r="14" spans="1:8">
      <c r="A14" s="57"/>
      <c r="B14" s="5">
        <v>0.76700000000000002</v>
      </c>
      <c r="C14" s="5">
        <v>7.2999999999999995E-2</v>
      </c>
      <c r="D14" s="5">
        <v>0.123</v>
      </c>
      <c r="E14" s="5">
        <v>3.3000000000000002E-2</v>
      </c>
      <c r="F14" s="5">
        <v>5.0000000000000001E-3</v>
      </c>
      <c r="G14" s="5">
        <v>1</v>
      </c>
    </row>
    <row r="15" spans="1:8">
      <c r="A15" s="54" t="s">
        <v>119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3:A14"/>
    <mergeCell ref="A15:G16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1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04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06</v>
      </c>
      <c r="B3" s="53" t="s">
        <v>117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7">
      <c r="A5" s="73" t="s">
        <v>207</v>
      </c>
      <c r="B5" s="4">
        <v>509</v>
      </c>
      <c r="C5" s="4">
        <v>388</v>
      </c>
      <c r="D5" s="4">
        <v>36</v>
      </c>
      <c r="E5" s="4">
        <v>2</v>
      </c>
      <c r="F5" s="4">
        <v>935</v>
      </c>
    </row>
    <row r="6" spans="1:7">
      <c r="A6" s="77"/>
      <c r="B6" s="5">
        <v>0.54400000000000004</v>
      </c>
      <c r="C6" s="5">
        <v>0.41499999999999998</v>
      </c>
      <c r="D6" s="5">
        <v>3.9E-2</v>
      </c>
      <c r="E6" s="5">
        <v>2E-3</v>
      </c>
      <c r="F6" s="5">
        <v>1</v>
      </c>
    </row>
    <row r="7" spans="1:7">
      <c r="A7" s="73" t="s">
        <v>208</v>
      </c>
      <c r="B7" s="4">
        <v>1183</v>
      </c>
      <c r="C7" s="4">
        <v>848</v>
      </c>
      <c r="D7" s="4">
        <v>66</v>
      </c>
      <c r="E7" s="4">
        <v>17</v>
      </c>
      <c r="F7" s="4">
        <v>2114</v>
      </c>
    </row>
    <row r="8" spans="1:7">
      <c r="A8" s="74"/>
      <c r="B8" s="5">
        <v>0.56000000000000005</v>
      </c>
      <c r="C8" s="5">
        <v>0.40100000000000002</v>
      </c>
      <c r="D8" s="5">
        <v>3.1E-2</v>
      </c>
      <c r="E8" s="5">
        <v>8.0000000000000002E-3</v>
      </c>
      <c r="F8" s="5">
        <v>1</v>
      </c>
    </row>
    <row r="9" spans="1:7">
      <c r="A9" s="73" t="s">
        <v>209</v>
      </c>
      <c r="B9" s="6">
        <v>364</v>
      </c>
      <c r="C9" s="6">
        <v>247</v>
      </c>
      <c r="D9" s="6">
        <v>20</v>
      </c>
      <c r="E9" s="6">
        <v>3</v>
      </c>
      <c r="F9" s="6">
        <v>634</v>
      </c>
    </row>
    <row r="10" spans="1:7">
      <c r="A10" s="74"/>
      <c r="B10" s="5">
        <v>0.57399999999999995</v>
      </c>
      <c r="C10" s="5">
        <v>0.39</v>
      </c>
      <c r="D10" s="5">
        <v>3.2000000000000001E-2</v>
      </c>
      <c r="E10" s="5">
        <v>5.0000000000000001E-3</v>
      </c>
      <c r="F10" s="5">
        <v>1</v>
      </c>
    </row>
    <row r="11" spans="1:7" ht="14.25" customHeight="1">
      <c r="A11" s="73" t="s">
        <v>171</v>
      </c>
      <c r="B11" s="6">
        <v>1</v>
      </c>
      <c r="C11" s="6">
        <v>0</v>
      </c>
      <c r="D11" s="6">
        <v>0</v>
      </c>
      <c r="E11" s="6">
        <v>1</v>
      </c>
      <c r="F11" s="6">
        <v>2</v>
      </c>
    </row>
    <row r="12" spans="1:7">
      <c r="A12" s="74"/>
      <c r="B12" s="5">
        <v>0.5</v>
      </c>
      <c r="C12" s="5">
        <v>0</v>
      </c>
      <c r="D12" s="5">
        <v>0</v>
      </c>
      <c r="E12" s="5">
        <v>0.5</v>
      </c>
      <c r="F12" s="5">
        <v>1</v>
      </c>
    </row>
    <row r="13" spans="1:7">
      <c r="A13" s="56" t="s">
        <v>29</v>
      </c>
      <c r="B13" s="4">
        <v>2057</v>
      </c>
      <c r="C13" s="4">
        <v>1483</v>
      </c>
      <c r="D13" s="4">
        <v>122</v>
      </c>
      <c r="E13" s="4">
        <v>23</v>
      </c>
      <c r="F13" s="4">
        <v>3685</v>
      </c>
    </row>
    <row r="14" spans="1:7">
      <c r="A14" s="57"/>
      <c r="B14" s="5">
        <v>0.55800000000000005</v>
      </c>
      <c r="C14" s="5">
        <v>0.40200000000000002</v>
      </c>
      <c r="D14" s="5">
        <v>3.3000000000000002E-2</v>
      </c>
      <c r="E14" s="5">
        <v>6.0000000000000001E-3</v>
      </c>
      <c r="F14" s="5">
        <v>1</v>
      </c>
    </row>
    <row r="15" spans="1:7">
      <c r="A15" s="54" t="s">
        <v>118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05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26</v>
      </c>
      <c r="B3" s="53" t="s">
        <v>124</v>
      </c>
      <c r="C3" s="53"/>
      <c r="D3" s="53"/>
      <c r="E3" s="53"/>
      <c r="F3" s="2"/>
    </row>
    <row r="4" spans="1:13">
      <c r="A4" s="60"/>
      <c r="B4" s="3" t="s">
        <v>153</v>
      </c>
      <c r="C4" s="3" t="s">
        <v>155</v>
      </c>
      <c r="D4" s="3" t="s">
        <v>27</v>
      </c>
      <c r="E4" s="3" t="s">
        <v>28</v>
      </c>
    </row>
    <row r="5" spans="1:13">
      <c r="A5" s="56" t="s">
        <v>30</v>
      </c>
      <c r="B5" s="4">
        <v>515</v>
      </c>
      <c r="C5" s="4">
        <v>171</v>
      </c>
      <c r="D5" s="4">
        <v>53</v>
      </c>
      <c r="E5" s="4">
        <v>739</v>
      </c>
    </row>
    <row r="6" spans="1:13">
      <c r="A6" s="61"/>
      <c r="B6" s="5">
        <v>0.69699999999999995</v>
      </c>
      <c r="C6" s="5">
        <v>0.23100000000000001</v>
      </c>
      <c r="D6" s="5">
        <v>7.1999999999999995E-2</v>
      </c>
      <c r="E6" s="5">
        <v>1</v>
      </c>
    </row>
    <row r="7" spans="1:13">
      <c r="A7" s="56" t="s">
        <v>31</v>
      </c>
      <c r="B7" s="6">
        <v>323</v>
      </c>
      <c r="C7" s="6">
        <v>105</v>
      </c>
      <c r="D7" s="6">
        <v>19</v>
      </c>
      <c r="E7" s="4">
        <v>447</v>
      </c>
      <c r="J7" s="9"/>
      <c r="K7" s="9"/>
      <c r="L7" s="9"/>
      <c r="M7" s="9"/>
    </row>
    <row r="8" spans="1:13">
      <c r="A8" s="57"/>
      <c r="B8" s="5">
        <v>0.72299999999999998</v>
      </c>
      <c r="C8" s="5">
        <v>0.23499999999999999</v>
      </c>
      <c r="D8" s="5">
        <v>4.2999999999999997E-2</v>
      </c>
      <c r="E8" s="5">
        <v>1</v>
      </c>
    </row>
    <row r="9" spans="1:13">
      <c r="A9" s="56" t="s">
        <v>32</v>
      </c>
      <c r="B9" s="6">
        <v>97</v>
      </c>
      <c r="C9" s="6">
        <v>28</v>
      </c>
      <c r="D9" s="6">
        <v>13</v>
      </c>
      <c r="E9" s="6">
        <v>138</v>
      </c>
      <c r="J9" s="9"/>
      <c r="K9" s="9"/>
      <c r="L9" s="9"/>
      <c r="M9" s="9"/>
    </row>
    <row r="10" spans="1:13">
      <c r="A10" s="57"/>
      <c r="B10" s="5">
        <v>0.70299999999999996</v>
      </c>
      <c r="C10" s="5">
        <v>0.20300000000000001</v>
      </c>
      <c r="D10" s="5">
        <v>9.4E-2</v>
      </c>
      <c r="E10" s="5">
        <v>1</v>
      </c>
    </row>
    <row r="11" spans="1:13" ht="14.25" customHeight="1">
      <c r="A11" s="58" t="s">
        <v>38</v>
      </c>
      <c r="B11" s="6">
        <v>97</v>
      </c>
      <c r="C11" s="6">
        <v>29</v>
      </c>
      <c r="D11" s="6">
        <v>5</v>
      </c>
      <c r="E11" s="6">
        <v>131</v>
      </c>
      <c r="J11" s="9"/>
      <c r="K11" s="9"/>
      <c r="L11" s="9"/>
      <c r="M11" s="9"/>
    </row>
    <row r="12" spans="1:13">
      <c r="A12" s="59"/>
      <c r="B12" s="5">
        <v>0.74</v>
      </c>
      <c r="C12" s="5">
        <v>0.221</v>
      </c>
      <c r="D12" s="5">
        <v>3.7999999999999999E-2</v>
      </c>
      <c r="E12" s="5">
        <v>1</v>
      </c>
    </row>
    <row r="13" spans="1:13">
      <c r="A13" s="56" t="s">
        <v>33</v>
      </c>
      <c r="B13" s="6">
        <v>116</v>
      </c>
      <c r="C13" s="6">
        <v>51</v>
      </c>
      <c r="D13" s="6">
        <v>9</v>
      </c>
      <c r="E13" s="6">
        <v>176</v>
      </c>
      <c r="J13" s="9"/>
      <c r="K13" s="9"/>
      <c r="L13" s="9"/>
      <c r="M13" s="9"/>
    </row>
    <row r="14" spans="1:13">
      <c r="A14" s="57"/>
      <c r="B14" s="5">
        <v>0.65900000000000003</v>
      </c>
      <c r="C14" s="5">
        <v>0.28999999999999998</v>
      </c>
      <c r="D14" s="5">
        <v>5.0999999999999997E-2</v>
      </c>
      <c r="E14" s="5">
        <v>1</v>
      </c>
    </row>
    <row r="15" spans="1:13">
      <c r="A15" s="56" t="s">
        <v>34</v>
      </c>
      <c r="B15" s="6">
        <v>92</v>
      </c>
      <c r="C15" s="6">
        <v>22</v>
      </c>
      <c r="D15" s="6">
        <v>6</v>
      </c>
      <c r="E15" s="6">
        <v>120</v>
      </c>
      <c r="J15" s="9"/>
      <c r="K15" s="9"/>
      <c r="L15" s="9"/>
      <c r="M15" s="9"/>
    </row>
    <row r="16" spans="1:13">
      <c r="A16" s="57"/>
      <c r="B16" s="5">
        <v>0.76700000000000002</v>
      </c>
      <c r="C16" s="5">
        <v>0.183</v>
      </c>
      <c r="D16" s="5">
        <v>0.05</v>
      </c>
      <c r="E16" s="5">
        <v>1</v>
      </c>
    </row>
    <row r="17" spans="1:13">
      <c r="A17" s="56" t="s">
        <v>35</v>
      </c>
      <c r="B17" s="6">
        <v>164</v>
      </c>
      <c r="C17" s="6">
        <v>32</v>
      </c>
      <c r="D17" s="6">
        <v>14</v>
      </c>
      <c r="E17" s="6">
        <v>210</v>
      </c>
      <c r="J17" s="9"/>
      <c r="K17" s="9"/>
      <c r="L17" s="9"/>
      <c r="M17" s="9"/>
    </row>
    <row r="18" spans="1:13">
      <c r="A18" s="57"/>
      <c r="B18" s="5">
        <v>0.78100000000000003</v>
      </c>
      <c r="C18" s="5">
        <v>0.152</v>
      </c>
      <c r="D18" s="5">
        <v>6.7000000000000004E-2</v>
      </c>
      <c r="E18" s="5">
        <v>1</v>
      </c>
    </row>
    <row r="19" spans="1:13">
      <c r="A19" s="56" t="s">
        <v>36</v>
      </c>
      <c r="B19" s="6">
        <v>40</v>
      </c>
      <c r="C19" s="6">
        <v>23</v>
      </c>
      <c r="D19" s="6">
        <v>6</v>
      </c>
      <c r="E19" s="6">
        <v>69</v>
      </c>
      <c r="J19" s="9"/>
      <c r="K19" s="9"/>
      <c r="L19" s="9"/>
      <c r="M19" s="9"/>
    </row>
    <row r="20" spans="1:13">
      <c r="A20" s="57"/>
      <c r="B20" s="5">
        <v>0.57999999999999996</v>
      </c>
      <c r="C20" s="5">
        <v>0.33300000000000002</v>
      </c>
      <c r="D20" s="5">
        <v>8.6999999999999994E-2</v>
      </c>
      <c r="E20" s="5">
        <v>1</v>
      </c>
    </row>
    <row r="21" spans="1:13">
      <c r="A21" s="56" t="s">
        <v>29</v>
      </c>
      <c r="B21" s="4">
        <v>1444</v>
      </c>
      <c r="C21" s="4">
        <v>461</v>
      </c>
      <c r="D21" s="4">
        <v>125</v>
      </c>
      <c r="E21" s="4">
        <v>2030</v>
      </c>
      <c r="J21" s="9"/>
      <c r="K21" s="9"/>
      <c r="L21" s="9"/>
      <c r="M21" s="9"/>
    </row>
    <row r="22" spans="1:13">
      <c r="A22" s="57"/>
      <c r="B22" s="5">
        <v>0.71099999999999997</v>
      </c>
      <c r="C22" s="5">
        <v>0.22700000000000001</v>
      </c>
      <c r="D22" s="5">
        <v>6.2E-2</v>
      </c>
      <c r="E22" s="5">
        <v>1</v>
      </c>
    </row>
    <row r="23" spans="1:13">
      <c r="A23" s="54" t="s">
        <v>125</v>
      </c>
      <c r="B23" s="54"/>
      <c r="C23" s="54"/>
      <c r="D23" s="54"/>
      <c r="E23" s="54"/>
      <c r="J23" s="9"/>
      <c r="K23" s="9"/>
      <c r="L23" s="9"/>
      <c r="M23" s="9"/>
    </row>
    <row r="24" spans="1:13">
      <c r="A24" s="55"/>
      <c r="B24" s="55"/>
      <c r="C24" s="55"/>
      <c r="D24" s="55"/>
      <c r="E24" s="55"/>
    </row>
  </sheetData>
  <mergeCells count="12">
    <mergeCell ref="A23:E24"/>
    <mergeCell ref="A3:A4"/>
    <mergeCell ref="B3:E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2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05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6</v>
      </c>
      <c r="B3" s="53" t="s">
        <v>120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07</v>
      </c>
      <c r="B5" s="4">
        <v>568</v>
      </c>
      <c r="C5" s="4">
        <v>363</v>
      </c>
      <c r="D5" s="4">
        <v>4</v>
      </c>
      <c r="E5" s="4">
        <v>935</v>
      </c>
    </row>
    <row r="6" spans="1:6">
      <c r="A6" s="77"/>
      <c r="B6" s="5">
        <v>0.60699999999999998</v>
      </c>
      <c r="C6" s="5">
        <v>0.38800000000000001</v>
      </c>
      <c r="D6" s="5">
        <v>4.0000000000000001E-3</v>
      </c>
      <c r="E6" s="5">
        <v>1</v>
      </c>
    </row>
    <row r="7" spans="1:6">
      <c r="A7" s="73" t="s">
        <v>208</v>
      </c>
      <c r="B7" s="4">
        <v>1349</v>
      </c>
      <c r="C7" s="4">
        <v>762</v>
      </c>
      <c r="D7" s="4">
        <v>3</v>
      </c>
      <c r="E7" s="4">
        <v>2114</v>
      </c>
    </row>
    <row r="8" spans="1:6">
      <c r="A8" s="74"/>
      <c r="B8" s="5">
        <v>0.63800000000000001</v>
      </c>
      <c r="C8" s="5">
        <v>0.36</v>
      </c>
      <c r="D8" s="5">
        <v>1E-3</v>
      </c>
      <c r="E8" s="5">
        <v>1</v>
      </c>
    </row>
    <row r="9" spans="1:6">
      <c r="A9" s="73" t="s">
        <v>209</v>
      </c>
      <c r="B9" s="6">
        <v>398</v>
      </c>
      <c r="C9" s="6">
        <v>234</v>
      </c>
      <c r="D9" s="6">
        <v>2</v>
      </c>
      <c r="E9" s="6">
        <v>634</v>
      </c>
    </row>
    <row r="10" spans="1:6">
      <c r="A10" s="74"/>
      <c r="B10" s="5">
        <v>0.628</v>
      </c>
      <c r="C10" s="5">
        <v>0.36899999999999999</v>
      </c>
      <c r="D10" s="5">
        <v>3.0000000000000001E-3</v>
      </c>
      <c r="E10" s="5">
        <v>1</v>
      </c>
    </row>
    <row r="11" spans="1:6" ht="14.25" customHeight="1">
      <c r="A11" s="73" t="s">
        <v>171</v>
      </c>
      <c r="B11" s="6">
        <v>1</v>
      </c>
      <c r="C11" s="6">
        <v>0</v>
      </c>
      <c r="D11" s="6">
        <v>1</v>
      </c>
      <c r="E11" s="6">
        <v>2</v>
      </c>
    </row>
    <row r="12" spans="1:6">
      <c r="A12" s="74"/>
      <c r="B12" s="5">
        <v>0.5</v>
      </c>
      <c r="C12" s="5">
        <v>0</v>
      </c>
      <c r="D12" s="5">
        <v>0.5</v>
      </c>
      <c r="E12" s="5">
        <v>1</v>
      </c>
    </row>
    <row r="13" spans="1:6">
      <c r="A13" s="56" t="s">
        <v>29</v>
      </c>
      <c r="B13" s="4">
        <v>2316</v>
      </c>
      <c r="C13" s="4">
        <v>1359</v>
      </c>
      <c r="D13" s="4">
        <v>10</v>
      </c>
      <c r="E13" s="4">
        <v>3685</v>
      </c>
    </row>
    <row r="14" spans="1:6">
      <c r="A14" s="57"/>
      <c r="B14" s="5">
        <v>0.628</v>
      </c>
      <c r="C14" s="5">
        <v>0.36899999999999999</v>
      </c>
      <c r="D14" s="5">
        <v>3.0000000000000001E-3</v>
      </c>
      <c r="E14" s="5">
        <v>1</v>
      </c>
    </row>
    <row r="15" spans="1:6">
      <c r="A15" s="54" t="s">
        <v>121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706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60.75" customHeight="1">
      <c r="A3" s="78" t="s">
        <v>206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73" t="s">
        <v>207</v>
      </c>
      <c r="B5" s="4">
        <v>43</v>
      </c>
      <c r="C5" s="4">
        <v>525</v>
      </c>
      <c r="D5" s="4">
        <v>441</v>
      </c>
      <c r="E5" s="4">
        <v>127</v>
      </c>
      <c r="F5" s="4">
        <v>180</v>
      </c>
      <c r="G5" s="4">
        <v>388</v>
      </c>
    </row>
    <row r="6" spans="1:7">
      <c r="A6" s="77"/>
      <c r="B6" s="5">
        <v>7.5999999999999998E-2</v>
      </c>
      <c r="C6" s="5">
        <v>0.92400000000000004</v>
      </c>
      <c r="D6" s="5">
        <v>0.77600000000000002</v>
      </c>
      <c r="E6" s="5">
        <v>0.224</v>
      </c>
      <c r="F6" s="5">
        <v>0.317</v>
      </c>
      <c r="G6" s="5">
        <v>0.68300000000000005</v>
      </c>
    </row>
    <row r="7" spans="1:7">
      <c r="A7" s="73" t="s">
        <v>208</v>
      </c>
      <c r="B7" s="4">
        <v>115</v>
      </c>
      <c r="C7" s="4">
        <v>1234</v>
      </c>
      <c r="D7" s="4">
        <v>1078</v>
      </c>
      <c r="E7" s="4">
        <v>271</v>
      </c>
      <c r="F7" s="4">
        <v>445</v>
      </c>
      <c r="G7" s="4">
        <v>904</v>
      </c>
    </row>
    <row r="8" spans="1:7">
      <c r="A8" s="74"/>
      <c r="B8" s="5">
        <v>8.5000000000000006E-2</v>
      </c>
      <c r="C8" s="5">
        <v>0.91500000000000004</v>
      </c>
      <c r="D8" s="5">
        <v>0.79900000000000004</v>
      </c>
      <c r="E8" s="5">
        <v>0.20100000000000001</v>
      </c>
      <c r="F8" s="5">
        <v>0.33</v>
      </c>
      <c r="G8" s="5">
        <v>0.67</v>
      </c>
    </row>
    <row r="9" spans="1:7">
      <c r="A9" s="73" t="s">
        <v>209</v>
      </c>
      <c r="B9" s="6">
        <v>25</v>
      </c>
      <c r="C9" s="6">
        <v>373</v>
      </c>
      <c r="D9" s="6">
        <v>336</v>
      </c>
      <c r="E9" s="6">
        <v>62</v>
      </c>
      <c r="F9" s="6">
        <v>132</v>
      </c>
      <c r="G9" s="6">
        <v>266</v>
      </c>
    </row>
    <row r="10" spans="1:7">
      <c r="A10" s="74"/>
      <c r="B10" s="5">
        <v>6.3E-2</v>
      </c>
      <c r="C10" s="5">
        <v>0.93700000000000006</v>
      </c>
      <c r="D10" s="5">
        <v>0.84399999999999997</v>
      </c>
      <c r="E10" s="5">
        <v>0.156</v>
      </c>
      <c r="F10" s="5">
        <v>0.33200000000000002</v>
      </c>
      <c r="G10" s="5">
        <v>0.66800000000000004</v>
      </c>
    </row>
    <row r="11" spans="1:7">
      <c r="A11" s="56" t="s">
        <v>171</v>
      </c>
      <c r="B11" s="6">
        <v>0</v>
      </c>
      <c r="C11" s="6">
        <v>1</v>
      </c>
      <c r="D11" s="6">
        <v>0</v>
      </c>
      <c r="E11" s="6">
        <v>1</v>
      </c>
      <c r="F11" s="6">
        <v>0</v>
      </c>
      <c r="G11" s="6">
        <v>1</v>
      </c>
    </row>
    <row r="12" spans="1:7">
      <c r="A12" s="57"/>
      <c r="B12" s="5">
        <v>0</v>
      </c>
      <c r="C12" s="5">
        <v>1</v>
      </c>
      <c r="D12" s="5">
        <v>0</v>
      </c>
      <c r="E12" s="5">
        <v>1</v>
      </c>
      <c r="F12" s="5">
        <v>0</v>
      </c>
      <c r="G12" s="5">
        <v>1</v>
      </c>
    </row>
    <row r="13" spans="1:7">
      <c r="A13" s="56" t="s">
        <v>29</v>
      </c>
      <c r="B13" s="4">
        <v>183</v>
      </c>
      <c r="C13" s="4">
        <v>2133</v>
      </c>
      <c r="D13" s="4">
        <v>1855</v>
      </c>
      <c r="E13" s="4">
        <v>461</v>
      </c>
      <c r="F13" s="4">
        <v>757</v>
      </c>
      <c r="G13" s="4">
        <v>1559</v>
      </c>
    </row>
    <row r="14" spans="1:7">
      <c r="A14" s="57"/>
      <c r="B14" s="5">
        <v>7.9000000000000001E-2</v>
      </c>
      <c r="C14" s="5">
        <v>0.92100000000000004</v>
      </c>
      <c r="D14" s="5">
        <v>0.80100000000000005</v>
      </c>
      <c r="E14" s="5">
        <v>0.19900000000000001</v>
      </c>
      <c r="F14" s="5">
        <v>0.32700000000000001</v>
      </c>
      <c r="G14" s="5">
        <v>0.67300000000000004</v>
      </c>
    </row>
    <row r="16" spans="1:7" ht="33" customHeight="1">
      <c r="A16" s="78" t="s">
        <v>206</v>
      </c>
      <c r="B16" s="62" t="s">
        <v>243</v>
      </c>
      <c r="C16" s="63"/>
      <c r="D16" s="62" t="s">
        <v>244</v>
      </c>
      <c r="E16" s="63"/>
      <c r="F16" s="62" t="s">
        <v>245</v>
      </c>
      <c r="G16" s="64"/>
    </row>
    <row r="17" spans="1:7">
      <c r="A17" s="78"/>
      <c r="B17" s="8" t="s">
        <v>190</v>
      </c>
      <c r="C17" s="8" t="s">
        <v>191</v>
      </c>
      <c r="D17" s="8" t="s">
        <v>190</v>
      </c>
      <c r="E17" s="8" t="s">
        <v>191</v>
      </c>
      <c r="F17" s="8" t="s">
        <v>190</v>
      </c>
      <c r="G17" s="8" t="s">
        <v>191</v>
      </c>
    </row>
    <row r="18" spans="1:7">
      <c r="A18" s="73" t="s">
        <v>207</v>
      </c>
      <c r="B18" s="4">
        <v>367</v>
      </c>
      <c r="C18" s="4">
        <v>201</v>
      </c>
      <c r="D18" s="4">
        <v>15</v>
      </c>
      <c r="E18" s="4">
        <v>553</v>
      </c>
      <c r="F18" s="4">
        <v>35</v>
      </c>
      <c r="G18" s="4">
        <v>533</v>
      </c>
    </row>
    <row r="19" spans="1:7">
      <c r="A19" s="77"/>
      <c r="B19" s="5">
        <v>0.64600000000000002</v>
      </c>
      <c r="C19" s="5">
        <v>0.35399999999999998</v>
      </c>
      <c r="D19" s="5">
        <v>2.5999999999999999E-2</v>
      </c>
      <c r="E19" s="5">
        <v>0.97399999999999998</v>
      </c>
      <c r="F19" s="5">
        <v>6.2E-2</v>
      </c>
      <c r="G19" s="5">
        <v>0.93799999999999994</v>
      </c>
    </row>
    <row r="20" spans="1:7">
      <c r="A20" s="73" t="s">
        <v>208</v>
      </c>
      <c r="B20" s="4">
        <v>878</v>
      </c>
      <c r="C20" s="4">
        <v>471</v>
      </c>
      <c r="D20" s="4">
        <v>39</v>
      </c>
      <c r="E20" s="4">
        <v>1310</v>
      </c>
      <c r="F20" s="4">
        <v>50</v>
      </c>
      <c r="G20" s="4">
        <v>1299</v>
      </c>
    </row>
    <row r="21" spans="1:7">
      <c r="A21" s="74"/>
      <c r="B21" s="5">
        <v>0.65100000000000002</v>
      </c>
      <c r="C21" s="5">
        <v>0.34899999999999998</v>
      </c>
      <c r="D21" s="5">
        <v>2.9000000000000001E-2</v>
      </c>
      <c r="E21" s="5">
        <v>0.97099999999999997</v>
      </c>
      <c r="F21" s="5">
        <v>3.6999999999999998E-2</v>
      </c>
      <c r="G21" s="5">
        <v>0.96299999999999997</v>
      </c>
    </row>
    <row r="22" spans="1:7">
      <c r="A22" s="73" t="s">
        <v>209</v>
      </c>
      <c r="B22" s="6">
        <v>282</v>
      </c>
      <c r="C22" s="6">
        <v>116</v>
      </c>
      <c r="D22" s="6">
        <v>11</v>
      </c>
      <c r="E22" s="6">
        <v>387</v>
      </c>
      <c r="F22" s="6">
        <v>8</v>
      </c>
      <c r="G22" s="6">
        <v>390</v>
      </c>
    </row>
    <row r="23" spans="1:7">
      <c r="A23" s="74"/>
      <c r="B23" s="5">
        <v>0.70899999999999996</v>
      </c>
      <c r="C23" s="5">
        <v>0.29099999999999998</v>
      </c>
      <c r="D23" s="5">
        <v>2.8000000000000001E-2</v>
      </c>
      <c r="E23" s="5">
        <v>0.97199999999999998</v>
      </c>
      <c r="F23" s="5">
        <v>0.02</v>
      </c>
      <c r="G23" s="5">
        <v>0.98</v>
      </c>
    </row>
    <row r="24" spans="1:7">
      <c r="A24" s="56" t="s">
        <v>171</v>
      </c>
      <c r="B24" s="6">
        <v>1</v>
      </c>
      <c r="C24" s="6">
        <v>0</v>
      </c>
      <c r="D24" s="6">
        <v>0</v>
      </c>
      <c r="E24" s="6">
        <v>1</v>
      </c>
      <c r="F24" s="6">
        <v>0</v>
      </c>
      <c r="G24" s="6">
        <v>1</v>
      </c>
    </row>
    <row r="25" spans="1:7">
      <c r="A25" s="57"/>
      <c r="B25" s="5">
        <v>1</v>
      </c>
      <c r="C25" s="5">
        <v>0</v>
      </c>
      <c r="D25" s="5">
        <v>0</v>
      </c>
      <c r="E25" s="5">
        <v>1</v>
      </c>
      <c r="F25" s="5">
        <v>0</v>
      </c>
      <c r="G25" s="5">
        <v>1</v>
      </c>
    </row>
    <row r="26" spans="1:7">
      <c r="A26" s="56" t="s">
        <v>29</v>
      </c>
      <c r="B26" s="4">
        <v>1528</v>
      </c>
      <c r="C26" s="4">
        <v>788</v>
      </c>
      <c r="D26" s="4">
        <v>65</v>
      </c>
      <c r="E26" s="4">
        <v>2251</v>
      </c>
      <c r="F26" s="4">
        <v>93</v>
      </c>
      <c r="G26" s="4">
        <v>2223</v>
      </c>
    </row>
    <row r="27" spans="1:7">
      <c r="A27" s="57"/>
      <c r="B27" s="5">
        <v>0.66</v>
      </c>
      <c r="C27" s="5">
        <v>0.34</v>
      </c>
      <c r="D27" s="5">
        <v>2.8000000000000001E-2</v>
      </c>
      <c r="E27" s="5">
        <v>0.97199999999999998</v>
      </c>
      <c r="F27" s="5">
        <v>0.04</v>
      </c>
      <c r="G27" s="5">
        <v>0.96</v>
      </c>
    </row>
    <row r="29" spans="1:7" ht="46.5" customHeight="1">
      <c r="A29" s="78" t="s">
        <v>206</v>
      </c>
      <c r="B29" s="62" t="s">
        <v>246</v>
      </c>
      <c r="C29" s="64"/>
      <c r="D29" s="62" t="s">
        <v>247</v>
      </c>
      <c r="E29" s="64"/>
      <c r="F29" s="62" t="s">
        <v>248</v>
      </c>
      <c r="G29" s="64"/>
    </row>
    <row r="30" spans="1:7">
      <c r="A30" s="78"/>
      <c r="B30" s="8" t="s">
        <v>190</v>
      </c>
      <c r="C30" s="8" t="s">
        <v>191</v>
      </c>
      <c r="D30" s="8" t="s">
        <v>190</v>
      </c>
      <c r="E30" s="8" t="s">
        <v>191</v>
      </c>
      <c r="F30" s="8" t="s">
        <v>190</v>
      </c>
      <c r="G30" s="8" t="s">
        <v>191</v>
      </c>
    </row>
    <row r="31" spans="1:7">
      <c r="A31" s="73" t="s">
        <v>207</v>
      </c>
      <c r="B31" s="4">
        <v>26</v>
      </c>
      <c r="C31" s="4">
        <v>542</v>
      </c>
      <c r="D31" s="4">
        <v>0</v>
      </c>
      <c r="E31" s="4">
        <v>568</v>
      </c>
      <c r="F31" s="4">
        <v>7</v>
      </c>
      <c r="G31" s="4">
        <v>561</v>
      </c>
    </row>
    <row r="32" spans="1:7">
      <c r="A32" s="77"/>
      <c r="B32" s="5">
        <v>4.5999999999999999E-2</v>
      </c>
      <c r="C32" s="5">
        <v>0.95399999999999996</v>
      </c>
      <c r="D32" s="5">
        <v>0</v>
      </c>
      <c r="E32" s="5">
        <v>1</v>
      </c>
      <c r="F32" s="5">
        <v>1.2E-2</v>
      </c>
      <c r="G32" s="5">
        <v>0.98799999999999999</v>
      </c>
    </row>
    <row r="33" spans="1:7">
      <c r="A33" s="73" t="s">
        <v>208</v>
      </c>
      <c r="B33" s="4">
        <v>64</v>
      </c>
      <c r="C33" s="4">
        <v>1285</v>
      </c>
      <c r="D33" s="4">
        <v>5</v>
      </c>
      <c r="E33" s="4">
        <v>1344</v>
      </c>
      <c r="F33" s="4">
        <v>32</v>
      </c>
      <c r="G33" s="4">
        <v>1317</v>
      </c>
    </row>
    <row r="34" spans="1:7">
      <c r="A34" s="74"/>
      <c r="B34" s="5">
        <v>4.7E-2</v>
      </c>
      <c r="C34" s="5">
        <v>0.95299999999999996</v>
      </c>
      <c r="D34" s="5">
        <v>4.0000000000000001E-3</v>
      </c>
      <c r="E34" s="5">
        <v>0.996</v>
      </c>
      <c r="F34" s="5">
        <v>2.4E-2</v>
      </c>
      <c r="G34" s="5">
        <v>0.97599999999999998</v>
      </c>
    </row>
    <row r="35" spans="1:7">
      <c r="A35" s="73" t="s">
        <v>209</v>
      </c>
      <c r="B35" s="6">
        <v>24</v>
      </c>
      <c r="C35" s="6">
        <v>374</v>
      </c>
      <c r="D35" s="6">
        <v>1</v>
      </c>
      <c r="E35" s="6">
        <v>397</v>
      </c>
      <c r="F35" s="6">
        <v>5</v>
      </c>
      <c r="G35" s="6">
        <v>393</v>
      </c>
    </row>
    <row r="36" spans="1:7">
      <c r="A36" s="74"/>
      <c r="B36" s="5">
        <v>0.06</v>
      </c>
      <c r="C36" s="5">
        <v>0.94</v>
      </c>
      <c r="D36" s="5">
        <v>3.0000000000000001E-3</v>
      </c>
      <c r="E36" s="5">
        <v>0.997</v>
      </c>
      <c r="F36" s="5">
        <v>1.2999999999999999E-2</v>
      </c>
      <c r="G36" s="5">
        <v>0.98699999999999999</v>
      </c>
    </row>
    <row r="37" spans="1:7">
      <c r="A37" s="56" t="s">
        <v>171</v>
      </c>
      <c r="B37" s="6">
        <v>0</v>
      </c>
      <c r="C37" s="6">
        <v>1</v>
      </c>
      <c r="D37" s="6">
        <v>0</v>
      </c>
      <c r="E37" s="6">
        <v>1</v>
      </c>
      <c r="F37" s="6">
        <v>0</v>
      </c>
      <c r="G37" s="6">
        <v>1</v>
      </c>
    </row>
    <row r="38" spans="1:7">
      <c r="A38" s="57"/>
      <c r="B38" s="5">
        <v>0</v>
      </c>
      <c r="C38" s="5">
        <v>1</v>
      </c>
      <c r="D38" s="5">
        <v>0</v>
      </c>
      <c r="E38" s="5">
        <v>1</v>
      </c>
      <c r="F38" s="5">
        <v>0</v>
      </c>
      <c r="G38" s="5">
        <v>1</v>
      </c>
    </row>
    <row r="39" spans="1:7">
      <c r="A39" s="56" t="s">
        <v>29</v>
      </c>
      <c r="B39" s="4">
        <v>114</v>
      </c>
      <c r="C39" s="4">
        <v>2202</v>
      </c>
      <c r="D39" s="4">
        <v>6</v>
      </c>
      <c r="E39" s="4">
        <v>2310</v>
      </c>
      <c r="F39" s="4">
        <v>44</v>
      </c>
      <c r="G39" s="4">
        <v>2272</v>
      </c>
    </row>
    <row r="40" spans="1:7">
      <c r="A40" s="57"/>
      <c r="B40" s="5">
        <v>4.9000000000000002E-2</v>
      </c>
      <c r="C40" s="5">
        <v>0.95099999999999996</v>
      </c>
      <c r="D40" s="5">
        <v>3.0000000000000001E-3</v>
      </c>
      <c r="E40" s="5">
        <v>0.997</v>
      </c>
      <c r="F40" s="5">
        <v>1.9E-2</v>
      </c>
      <c r="G40" s="5">
        <v>0.98099999999999998</v>
      </c>
    </row>
    <row r="41" spans="1:7">
      <c r="A41" s="55" t="s">
        <v>631</v>
      </c>
      <c r="B41" s="55"/>
      <c r="C41" s="55"/>
      <c r="D41" s="55"/>
      <c r="E41" s="55"/>
      <c r="F41" s="55"/>
      <c r="G41" s="55"/>
    </row>
    <row r="42" spans="1:7">
      <c r="A42" s="55"/>
      <c r="B42" s="55"/>
      <c r="C42" s="55"/>
      <c r="D42" s="55"/>
      <c r="E42" s="55"/>
      <c r="F42" s="55"/>
      <c r="G42" s="55"/>
    </row>
  </sheetData>
  <mergeCells count="28">
    <mergeCell ref="A41:G42"/>
    <mergeCell ref="A31:A32"/>
    <mergeCell ref="A33:A34"/>
    <mergeCell ref="A35:A36"/>
    <mergeCell ref="A37:A38"/>
    <mergeCell ref="A39:A40"/>
    <mergeCell ref="A29:A30"/>
    <mergeCell ref="B29:C29"/>
    <mergeCell ref="D29:E29"/>
    <mergeCell ref="F29:G29"/>
    <mergeCell ref="A3:A4"/>
    <mergeCell ref="B3:C3"/>
    <mergeCell ref="D3:E3"/>
    <mergeCell ref="F3:G3"/>
    <mergeCell ref="A18:A19"/>
    <mergeCell ref="A5:A6"/>
    <mergeCell ref="A7:A8"/>
    <mergeCell ref="A9:A10"/>
    <mergeCell ref="A11:A12"/>
    <mergeCell ref="A13:A14"/>
    <mergeCell ref="A16:A17"/>
    <mergeCell ref="B16:C16"/>
    <mergeCell ref="A26:A27"/>
    <mergeCell ref="D16:E16"/>
    <mergeCell ref="F16:G16"/>
    <mergeCell ref="A20:A21"/>
    <mergeCell ref="A22:A23"/>
    <mergeCell ref="A24:A25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4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07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6</v>
      </c>
      <c r="B3" s="53" t="s">
        <v>122</v>
      </c>
      <c r="C3" s="53"/>
      <c r="D3" s="53"/>
      <c r="E3" s="53"/>
      <c r="F3" s="2"/>
    </row>
    <row r="4" spans="1:6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73" t="s">
        <v>207</v>
      </c>
      <c r="B5" s="4">
        <v>503</v>
      </c>
      <c r="C5" s="4">
        <v>428</v>
      </c>
      <c r="D5" s="4">
        <v>4</v>
      </c>
      <c r="E5" s="4">
        <v>935</v>
      </c>
    </row>
    <row r="6" spans="1:6">
      <c r="A6" s="77"/>
      <c r="B6" s="5">
        <v>0.53800000000000003</v>
      </c>
      <c r="C6" s="5">
        <v>0.45800000000000002</v>
      </c>
      <c r="D6" s="5">
        <v>4.0000000000000001E-3</v>
      </c>
      <c r="E6" s="5">
        <v>1</v>
      </c>
    </row>
    <row r="7" spans="1:6">
      <c r="A7" s="73" t="s">
        <v>208</v>
      </c>
      <c r="B7" s="4">
        <v>1151</v>
      </c>
      <c r="C7" s="4">
        <v>954</v>
      </c>
      <c r="D7" s="4">
        <v>9</v>
      </c>
      <c r="E7" s="4">
        <v>2114</v>
      </c>
    </row>
    <row r="8" spans="1:6">
      <c r="A8" s="74"/>
      <c r="B8" s="5">
        <v>0.54400000000000004</v>
      </c>
      <c r="C8" s="5">
        <v>0.45100000000000001</v>
      </c>
      <c r="D8" s="5">
        <v>4.0000000000000001E-3</v>
      </c>
      <c r="E8" s="5">
        <v>1</v>
      </c>
    </row>
    <row r="9" spans="1:6">
      <c r="A9" s="73" t="s">
        <v>209</v>
      </c>
      <c r="B9" s="6">
        <v>375</v>
      </c>
      <c r="C9" s="6">
        <v>258</v>
      </c>
      <c r="D9" s="6">
        <v>1</v>
      </c>
      <c r="E9" s="6">
        <v>634</v>
      </c>
    </row>
    <row r="10" spans="1:6">
      <c r="A10" s="74"/>
      <c r="B10" s="5">
        <v>0.59099999999999997</v>
      </c>
      <c r="C10" s="5">
        <v>0.40699999999999997</v>
      </c>
      <c r="D10" s="5">
        <v>2E-3</v>
      </c>
      <c r="E10" s="5">
        <v>1</v>
      </c>
    </row>
    <row r="11" spans="1:6" ht="14.25" customHeight="1">
      <c r="A11" s="73" t="s">
        <v>171</v>
      </c>
      <c r="B11" s="6">
        <v>1</v>
      </c>
      <c r="C11" s="6">
        <v>0</v>
      </c>
      <c r="D11" s="6">
        <v>1</v>
      </c>
      <c r="E11" s="6">
        <v>2</v>
      </c>
    </row>
    <row r="12" spans="1:6">
      <c r="A12" s="74"/>
      <c r="B12" s="5">
        <v>0.5</v>
      </c>
      <c r="C12" s="5">
        <v>0</v>
      </c>
      <c r="D12" s="5">
        <v>0.5</v>
      </c>
      <c r="E12" s="5">
        <v>1</v>
      </c>
    </row>
    <row r="13" spans="1:6">
      <c r="A13" s="56" t="s">
        <v>29</v>
      </c>
      <c r="B13" s="4">
        <v>2030</v>
      </c>
      <c r="C13" s="4">
        <v>1640</v>
      </c>
      <c r="D13" s="4">
        <v>15</v>
      </c>
      <c r="E13" s="4">
        <v>3685</v>
      </c>
    </row>
    <row r="14" spans="1:6">
      <c r="A14" s="57"/>
      <c r="B14" s="5">
        <v>0.55100000000000005</v>
      </c>
      <c r="C14" s="5">
        <v>0.44500000000000001</v>
      </c>
      <c r="D14" s="5">
        <v>4.0000000000000001E-3</v>
      </c>
      <c r="E14" s="5">
        <v>1</v>
      </c>
    </row>
    <row r="15" spans="1:6">
      <c r="A15" s="54" t="s">
        <v>123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5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08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06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07</v>
      </c>
      <c r="B5" s="4">
        <v>352</v>
      </c>
      <c r="C5" s="4">
        <v>118</v>
      </c>
      <c r="D5" s="4">
        <v>33</v>
      </c>
      <c r="E5" s="4">
        <v>503</v>
      </c>
    </row>
    <row r="6" spans="1:6">
      <c r="A6" s="77"/>
      <c r="B6" s="5">
        <v>0.7</v>
      </c>
      <c r="C6" s="5">
        <v>0.23499999999999999</v>
      </c>
      <c r="D6" s="5">
        <v>6.6000000000000003E-2</v>
      </c>
      <c r="E6" s="5">
        <v>1</v>
      </c>
    </row>
    <row r="7" spans="1:6">
      <c r="A7" s="73" t="s">
        <v>208</v>
      </c>
      <c r="B7" s="6">
        <v>822</v>
      </c>
      <c r="C7" s="6">
        <v>263</v>
      </c>
      <c r="D7" s="6">
        <v>66</v>
      </c>
      <c r="E7" s="4">
        <v>1151</v>
      </c>
    </row>
    <row r="8" spans="1:6">
      <c r="A8" s="74"/>
      <c r="B8" s="5">
        <v>0.71399999999999997</v>
      </c>
      <c r="C8" s="5">
        <v>0.22800000000000001</v>
      </c>
      <c r="D8" s="5">
        <v>5.7000000000000002E-2</v>
      </c>
      <c r="E8" s="5">
        <v>1</v>
      </c>
    </row>
    <row r="9" spans="1:6">
      <c r="A9" s="73" t="s">
        <v>209</v>
      </c>
      <c r="B9" s="6">
        <v>269</v>
      </c>
      <c r="C9" s="6">
        <v>80</v>
      </c>
      <c r="D9" s="6">
        <v>26</v>
      </c>
      <c r="E9" s="6">
        <v>375</v>
      </c>
    </row>
    <row r="10" spans="1:6">
      <c r="A10" s="74"/>
      <c r="B10" s="5">
        <v>0.71699999999999997</v>
      </c>
      <c r="C10" s="5">
        <v>0.21299999999999999</v>
      </c>
      <c r="D10" s="5">
        <v>6.9000000000000006E-2</v>
      </c>
      <c r="E10" s="5">
        <v>1</v>
      </c>
    </row>
    <row r="11" spans="1:6" ht="14.25" customHeight="1">
      <c r="A11" s="73" t="s">
        <v>171</v>
      </c>
      <c r="B11" s="6">
        <v>1</v>
      </c>
      <c r="C11" s="6">
        <v>0</v>
      </c>
      <c r="D11" s="6">
        <v>0</v>
      </c>
      <c r="E11" s="6">
        <v>1</v>
      </c>
    </row>
    <row r="12" spans="1:6">
      <c r="A12" s="74"/>
      <c r="B12" s="5">
        <v>1</v>
      </c>
      <c r="C12" s="5">
        <v>0</v>
      </c>
      <c r="D12" s="5">
        <v>0</v>
      </c>
      <c r="E12" s="5">
        <v>1</v>
      </c>
    </row>
    <row r="13" spans="1:6">
      <c r="A13" s="56" t="s">
        <v>29</v>
      </c>
      <c r="B13" s="4">
        <v>1444</v>
      </c>
      <c r="C13" s="4">
        <v>461</v>
      </c>
      <c r="D13" s="4">
        <v>125</v>
      </c>
      <c r="E13" s="4">
        <v>2030</v>
      </c>
    </row>
    <row r="14" spans="1:6">
      <c r="A14" s="57"/>
      <c r="B14" s="5">
        <v>0.71099999999999997</v>
      </c>
      <c r="C14" s="5">
        <v>0.22700000000000001</v>
      </c>
      <c r="D14" s="5">
        <v>6.2E-2</v>
      </c>
      <c r="E14" s="5">
        <v>1</v>
      </c>
    </row>
    <row r="15" spans="1:6">
      <c r="A15" s="54" t="s">
        <v>125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6"/>
  <dimension ref="A1:N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4">
      <c r="A1" s="1" t="s">
        <v>709</v>
      </c>
    </row>
    <row r="2" spans="1:14" ht="14.25" customHeight="1">
      <c r="A2" s="41" t="s">
        <v>812</v>
      </c>
      <c r="C2" s="7"/>
      <c r="D2" s="7"/>
      <c r="E2" s="7"/>
      <c r="F2" s="7"/>
      <c r="G2" s="7"/>
    </row>
    <row r="3" spans="1:14" ht="14.25" customHeight="1">
      <c r="A3" s="78" t="s">
        <v>206</v>
      </c>
      <c r="B3" s="53" t="s">
        <v>126</v>
      </c>
      <c r="C3" s="53"/>
      <c r="D3" s="53"/>
      <c r="E3" s="53"/>
      <c r="F3" s="53"/>
      <c r="G3" s="53"/>
      <c r="H3" s="2"/>
    </row>
    <row r="4" spans="1:14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14">
      <c r="A5" s="73" t="s">
        <v>207</v>
      </c>
      <c r="B5" s="4">
        <v>179</v>
      </c>
      <c r="C5" s="4">
        <v>312</v>
      </c>
      <c r="D5" s="4">
        <v>269</v>
      </c>
      <c r="E5" s="4">
        <v>143</v>
      </c>
      <c r="F5" s="4">
        <v>32</v>
      </c>
      <c r="G5" s="4">
        <v>935</v>
      </c>
    </row>
    <row r="6" spans="1:14">
      <c r="A6" s="77"/>
      <c r="B6" s="5">
        <v>0.191</v>
      </c>
      <c r="C6" s="5">
        <v>0.33400000000000002</v>
      </c>
      <c r="D6" s="5">
        <v>0.28799999999999998</v>
      </c>
      <c r="E6" s="5">
        <v>0.153</v>
      </c>
      <c r="F6" s="5">
        <v>3.4000000000000002E-2</v>
      </c>
      <c r="G6" s="5">
        <v>1</v>
      </c>
      <c r="I6" s="9"/>
      <c r="J6" s="9"/>
      <c r="K6" s="9"/>
      <c r="L6" s="9"/>
      <c r="M6" s="9"/>
      <c r="N6" s="9"/>
    </row>
    <row r="7" spans="1:14">
      <c r="A7" s="73" t="s">
        <v>208</v>
      </c>
      <c r="B7" s="6">
        <v>333</v>
      </c>
      <c r="C7" s="6">
        <v>728</v>
      </c>
      <c r="D7" s="6">
        <v>638</v>
      </c>
      <c r="E7" s="6">
        <v>343</v>
      </c>
      <c r="F7" s="6">
        <v>72</v>
      </c>
      <c r="G7" s="4">
        <v>2114</v>
      </c>
    </row>
    <row r="8" spans="1:14">
      <c r="A8" s="74"/>
      <c r="B8" s="5">
        <v>0.158</v>
      </c>
      <c r="C8" s="5">
        <v>0.34399999999999997</v>
      </c>
      <c r="D8" s="5">
        <v>0.30199999999999999</v>
      </c>
      <c r="E8" s="5">
        <v>0.16200000000000001</v>
      </c>
      <c r="F8" s="5">
        <v>3.4000000000000002E-2</v>
      </c>
      <c r="G8" s="5">
        <v>1</v>
      </c>
      <c r="I8" s="9"/>
      <c r="J8" s="9"/>
      <c r="K8" s="9"/>
      <c r="L8" s="9"/>
      <c r="M8" s="9"/>
      <c r="N8" s="9"/>
    </row>
    <row r="9" spans="1:14">
      <c r="A9" s="73" t="s">
        <v>209</v>
      </c>
      <c r="B9" s="6">
        <v>82</v>
      </c>
      <c r="C9" s="6">
        <v>219</v>
      </c>
      <c r="D9" s="6">
        <v>170</v>
      </c>
      <c r="E9" s="6">
        <v>145</v>
      </c>
      <c r="F9" s="6">
        <v>18</v>
      </c>
      <c r="G9" s="6">
        <v>634</v>
      </c>
    </row>
    <row r="10" spans="1:14">
      <c r="A10" s="74"/>
      <c r="B10" s="5">
        <v>0.129</v>
      </c>
      <c r="C10" s="5">
        <v>0.34499999999999997</v>
      </c>
      <c r="D10" s="5">
        <v>0.26800000000000002</v>
      </c>
      <c r="E10" s="5">
        <v>0.22900000000000001</v>
      </c>
      <c r="F10" s="5">
        <v>2.8000000000000001E-2</v>
      </c>
      <c r="G10" s="5">
        <v>1</v>
      </c>
      <c r="I10" s="9"/>
      <c r="J10" s="9"/>
      <c r="K10" s="9"/>
      <c r="L10" s="9"/>
      <c r="M10" s="9"/>
      <c r="N10" s="9"/>
    </row>
    <row r="11" spans="1:14" ht="14.25" customHeight="1">
      <c r="A11" s="73" t="s">
        <v>171</v>
      </c>
      <c r="B11" s="6">
        <v>0</v>
      </c>
      <c r="C11" s="6">
        <v>0</v>
      </c>
      <c r="D11" s="6">
        <v>1</v>
      </c>
      <c r="E11" s="6">
        <v>0</v>
      </c>
      <c r="F11" s="6">
        <v>1</v>
      </c>
      <c r="G11" s="6">
        <v>2</v>
      </c>
    </row>
    <row r="12" spans="1:14">
      <c r="A12" s="74"/>
      <c r="B12" s="5">
        <v>0</v>
      </c>
      <c r="C12" s="5">
        <v>0</v>
      </c>
      <c r="D12" s="5">
        <v>0.5</v>
      </c>
      <c r="E12" s="5">
        <v>0</v>
      </c>
      <c r="F12" s="5">
        <v>0.5</v>
      </c>
      <c r="G12" s="5">
        <v>1</v>
      </c>
      <c r="I12" s="9"/>
      <c r="J12" s="9"/>
      <c r="K12" s="9"/>
      <c r="L12" s="9"/>
      <c r="M12" s="9"/>
      <c r="N12" s="9"/>
    </row>
    <row r="13" spans="1:14">
      <c r="A13" s="56" t="s">
        <v>29</v>
      </c>
      <c r="B13" s="4">
        <v>594</v>
      </c>
      <c r="C13" s="4">
        <v>1259</v>
      </c>
      <c r="D13" s="4">
        <v>1078</v>
      </c>
      <c r="E13" s="4">
        <v>631</v>
      </c>
      <c r="F13" s="4">
        <v>123</v>
      </c>
      <c r="G13" s="4">
        <v>3685</v>
      </c>
    </row>
    <row r="14" spans="1:14">
      <c r="A14" s="57"/>
      <c r="B14" s="5">
        <v>0.161</v>
      </c>
      <c r="C14" s="5">
        <v>0.34200000000000003</v>
      </c>
      <c r="D14" s="5">
        <v>0.29299999999999998</v>
      </c>
      <c r="E14" s="5">
        <v>0.17100000000000001</v>
      </c>
      <c r="F14" s="5">
        <v>3.3000000000000002E-2</v>
      </c>
      <c r="G14" s="5">
        <v>1</v>
      </c>
      <c r="I14" s="9"/>
      <c r="J14" s="9"/>
      <c r="K14" s="9"/>
      <c r="L14" s="9"/>
      <c r="M14" s="9"/>
      <c r="N14" s="9"/>
    </row>
    <row r="15" spans="1:14">
      <c r="A15" s="54" t="s">
        <v>127</v>
      </c>
      <c r="B15" s="54"/>
      <c r="C15" s="54"/>
      <c r="D15" s="54"/>
      <c r="E15" s="54"/>
      <c r="F15" s="54"/>
      <c r="G15" s="54"/>
    </row>
    <row r="16" spans="1:14">
      <c r="A16" s="55"/>
      <c r="B16" s="55"/>
      <c r="C16" s="55"/>
      <c r="D16" s="55"/>
      <c r="E16" s="55"/>
      <c r="F16" s="55"/>
      <c r="G16" s="55"/>
    </row>
  </sheetData>
  <mergeCells count="8">
    <mergeCell ref="A13:A14"/>
    <mergeCell ref="A15:G16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7"/>
  <dimension ref="A1:L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2">
      <c r="A1" s="1" t="s">
        <v>710</v>
      </c>
    </row>
    <row r="2" spans="1:12" ht="14.25" customHeight="1">
      <c r="A2" s="41" t="s">
        <v>812</v>
      </c>
      <c r="C2" s="7"/>
      <c r="D2" s="7"/>
      <c r="E2" s="7"/>
      <c r="F2" s="7"/>
    </row>
    <row r="3" spans="1:12" ht="14.25" customHeight="1">
      <c r="A3" s="78" t="s">
        <v>206</v>
      </c>
      <c r="B3" s="53" t="s">
        <v>128</v>
      </c>
      <c r="C3" s="53"/>
      <c r="D3" s="53"/>
      <c r="E3" s="53"/>
      <c r="F3" s="53"/>
      <c r="G3" s="2"/>
    </row>
    <row r="4" spans="1:12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12">
      <c r="A5" s="73" t="s">
        <v>207</v>
      </c>
      <c r="B5" s="4">
        <v>60</v>
      </c>
      <c r="C5" s="4">
        <v>673</v>
      </c>
      <c r="D5" s="4">
        <v>200</v>
      </c>
      <c r="E5" s="4">
        <v>2</v>
      </c>
      <c r="F5" s="4">
        <v>935</v>
      </c>
    </row>
    <row r="6" spans="1:12">
      <c r="A6" s="77"/>
      <c r="B6" s="5">
        <v>6.4000000000000001E-2</v>
      </c>
      <c r="C6" s="5">
        <v>0.72</v>
      </c>
      <c r="D6" s="5">
        <v>0.214</v>
      </c>
      <c r="E6" s="5">
        <v>2E-3</v>
      </c>
      <c r="F6" s="5">
        <v>1</v>
      </c>
      <c r="H6" s="9"/>
      <c r="I6" s="9"/>
      <c r="J6" s="9"/>
      <c r="K6" s="9"/>
      <c r="L6" s="9"/>
    </row>
    <row r="7" spans="1:12">
      <c r="A7" s="73" t="s">
        <v>208</v>
      </c>
      <c r="B7" s="4">
        <v>106</v>
      </c>
      <c r="C7" s="4">
        <v>1639</v>
      </c>
      <c r="D7" s="4">
        <v>367</v>
      </c>
      <c r="E7" s="4">
        <v>2</v>
      </c>
      <c r="F7" s="4">
        <v>2114</v>
      </c>
    </row>
    <row r="8" spans="1:12">
      <c r="A8" s="74"/>
      <c r="B8" s="5">
        <v>0.05</v>
      </c>
      <c r="C8" s="5">
        <v>0.77500000000000002</v>
      </c>
      <c r="D8" s="5">
        <v>0.17399999999999999</v>
      </c>
      <c r="E8" s="5">
        <v>1E-3</v>
      </c>
      <c r="F8" s="5">
        <v>1</v>
      </c>
      <c r="H8" s="9"/>
      <c r="I8" s="9"/>
      <c r="J8" s="9"/>
      <c r="K8" s="9"/>
      <c r="L8" s="9"/>
    </row>
    <row r="9" spans="1:12">
      <c r="A9" s="73" t="s">
        <v>209</v>
      </c>
      <c r="B9" s="6">
        <v>20</v>
      </c>
      <c r="C9" s="6">
        <v>508</v>
      </c>
      <c r="D9" s="6">
        <v>105</v>
      </c>
      <c r="E9" s="6">
        <v>1</v>
      </c>
      <c r="F9" s="6">
        <v>634</v>
      </c>
    </row>
    <row r="10" spans="1:12">
      <c r="A10" s="74"/>
      <c r="B10" s="5">
        <v>3.2000000000000001E-2</v>
      </c>
      <c r="C10" s="5">
        <v>0.80100000000000005</v>
      </c>
      <c r="D10" s="5">
        <v>0.16600000000000001</v>
      </c>
      <c r="E10" s="5">
        <v>2E-3</v>
      </c>
      <c r="F10" s="5">
        <v>1</v>
      </c>
      <c r="H10" s="9"/>
      <c r="I10" s="9"/>
      <c r="J10" s="9"/>
      <c r="K10" s="9"/>
      <c r="L10" s="9"/>
    </row>
    <row r="11" spans="1:12" ht="14.25" customHeight="1">
      <c r="A11" s="73" t="s">
        <v>171</v>
      </c>
      <c r="B11" s="6">
        <v>0</v>
      </c>
      <c r="C11" s="6">
        <v>1</v>
      </c>
      <c r="D11" s="6">
        <v>0</v>
      </c>
      <c r="E11" s="6">
        <v>1</v>
      </c>
      <c r="F11" s="6">
        <v>2</v>
      </c>
    </row>
    <row r="12" spans="1:12">
      <c r="A12" s="74"/>
      <c r="B12" s="5">
        <v>0</v>
      </c>
      <c r="C12" s="5">
        <v>0.5</v>
      </c>
      <c r="D12" s="5">
        <v>0</v>
      </c>
      <c r="E12" s="5">
        <v>0.5</v>
      </c>
      <c r="F12" s="5">
        <v>1</v>
      </c>
      <c r="H12" s="9"/>
      <c r="I12" s="9"/>
      <c r="J12" s="9"/>
      <c r="K12" s="9"/>
      <c r="L12" s="9"/>
    </row>
    <row r="13" spans="1:12">
      <c r="A13" s="56" t="s">
        <v>29</v>
      </c>
      <c r="B13" s="4">
        <v>186</v>
      </c>
      <c r="C13" s="4">
        <v>2821</v>
      </c>
      <c r="D13" s="4">
        <v>672</v>
      </c>
      <c r="E13" s="4">
        <v>6</v>
      </c>
      <c r="F13" s="4">
        <v>3685</v>
      </c>
    </row>
    <row r="14" spans="1:12">
      <c r="A14" s="57"/>
      <c r="B14" s="5">
        <v>0.05</v>
      </c>
      <c r="C14" s="5">
        <v>0.76600000000000001</v>
      </c>
      <c r="D14" s="5">
        <v>0.182</v>
      </c>
      <c r="E14" s="5">
        <v>2E-3</v>
      </c>
      <c r="F14" s="5">
        <v>1</v>
      </c>
      <c r="H14" s="9"/>
      <c r="I14" s="9"/>
      <c r="J14" s="9"/>
      <c r="K14" s="9"/>
      <c r="L14" s="9"/>
    </row>
    <row r="15" spans="1:12">
      <c r="A15" s="54" t="s">
        <v>129</v>
      </c>
      <c r="B15" s="54"/>
      <c r="C15" s="54"/>
      <c r="D15" s="54"/>
      <c r="E15" s="54"/>
      <c r="F15" s="54"/>
    </row>
    <row r="16" spans="1:12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8"/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11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06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73" t="s">
        <v>207</v>
      </c>
      <c r="B5" s="4">
        <v>35</v>
      </c>
      <c r="C5" s="4">
        <v>13</v>
      </c>
      <c r="D5" s="4">
        <v>2</v>
      </c>
      <c r="E5" s="4">
        <v>8</v>
      </c>
      <c r="F5" s="4">
        <v>2</v>
      </c>
      <c r="G5" s="4">
        <v>60</v>
      </c>
    </row>
    <row r="6" spans="1:8">
      <c r="A6" s="77"/>
      <c r="B6" s="5">
        <v>0.58299999999999996</v>
      </c>
      <c r="C6" s="5">
        <v>0.217</v>
      </c>
      <c r="D6" s="5">
        <v>3.3000000000000002E-2</v>
      </c>
      <c r="E6" s="5">
        <v>0.13300000000000001</v>
      </c>
      <c r="F6" s="5">
        <v>3.3000000000000002E-2</v>
      </c>
      <c r="G6" s="5">
        <v>1</v>
      </c>
    </row>
    <row r="7" spans="1:8">
      <c r="A7" s="73" t="s">
        <v>208</v>
      </c>
      <c r="B7" s="6">
        <v>72</v>
      </c>
      <c r="C7" s="6">
        <v>20</v>
      </c>
      <c r="D7" s="6">
        <v>7</v>
      </c>
      <c r="E7" s="6">
        <v>2</v>
      </c>
      <c r="F7" s="6">
        <v>5</v>
      </c>
      <c r="G7" s="4">
        <v>106</v>
      </c>
    </row>
    <row r="8" spans="1:8">
      <c r="A8" s="74"/>
      <c r="B8" s="5">
        <v>0.67900000000000005</v>
      </c>
      <c r="C8" s="5">
        <v>0.189</v>
      </c>
      <c r="D8" s="5">
        <v>6.6000000000000003E-2</v>
      </c>
      <c r="E8" s="5">
        <v>1.9E-2</v>
      </c>
      <c r="F8" s="5">
        <v>4.7E-2</v>
      </c>
      <c r="G8" s="5">
        <v>1</v>
      </c>
    </row>
    <row r="9" spans="1:8">
      <c r="A9" s="73" t="s">
        <v>209</v>
      </c>
      <c r="B9" s="6">
        <v>13</v>
      </c>
      <c r="C9" s="6">
        <v>4</v>
      </c>
      <c r="D9" s="6">
        <v>1</v>
      </c>
      <c r="E9" s="6">
        <v>2</v>
      </c>
      <c r="F9" s="6">
        <v>0</v>
      </c>
      <c r="G9" s="6">
        <v>20</v>
      </c>
    </row>
    <row r="10" spans="1:8">
      <c r="A10" s="74"/>
      <c r="B10" s="5">
        <v>0.65</v>
      </c>
      <c r="C10" s="5">
        <v>0.2</v>
      </c>
      <c r="D10" s="5">
        <v>0.05</v>
      </c>
      <c r="E10" s="5">
        <v>0.1</v>
      </c>
      <c r="F10" s="5">
        <v>0</v>
      </c>
      <c r="G10" s="5">
        <v>1</v>
      </c>
    </row>
    <row r="11" spans="1:8">
      <c r="A11" s="56" t="s">
        <v>29</v>
      </c>
      <c r="B11" s="6">
        <v>120</v>
      </c>
      <c r="C11" s="6">
        <v>37</v>
      </c>
      <c r="D11" s="6">
        <v>10</v>
      </c>
      <c r="E11" s="6">
        <v>12</v>
      </c>
      <c r="F11" s="6">
        <v>7</v>
      </c>
      <c r="G11" s="6">
        <v>186</v>
      </c>
    </row>
    <row r="12" spans="1:8">
      <c r="A12" s="57"/>
      <c r="B12" s="5">
        <v>0.64500000000000002</v>
      </c>
      <c r="C12" s="5">
        <v>0.19900000000000001</v>
      </c>
      <c r="D12" s="5">
        <v>5.3999999999999999E-2</v>
      </c>
      <c r="E12" s="5">
        <v>6.5000000000000002E-2</v>
      </c>
      <c r="F12" s="5">
        <v>3.7999999999999999E-2</v>
      </c>
      <c r="G12" s="5">
        <v>1</v>
      </c>
    </row>
    <row r="13" spans="1:8">
      <c r="A13" s="54" t="s">
        <v>131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1:A12"/>
    <mergeCell ref="A13:G14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1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9"/>
  <dimension ref="A1:O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712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211</v>
      </c>
      <c r="B3" s="53" t="s">
        <v>111</v>
      </c>
      <c r="C3" s="53"/>
      <c r="D3" s="53"/>
      <c r="E3" s="53"/>
      <c r="F3" s="53"/>
      <c r="G3" s="2"/>
    </row>
    <row r="4" spans="1:15" ht="42.75">
      <c r="A4" s="78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15">
      <c r="A5" s="56" t="s">
        <v>576</v>
      </c>
      <c r="B5" s="4">
        <v>744</v>
      </c>
      <c r="C5" s="4">
        <v>26</v>
      </c>
      <c r="D5" s="4">
        <v>2</v>
      </c>
      <c r="E5" s="4">
        <v>1</v>
      </c>
      <c r="F5" s="4">
        <v>773</v>
      </c>
    </row>
    <row r="6" spans="1:15">
      <c r="A6" s="61"/>
      <c r="B6" s="5">
        <v>0.96199999999999997</v>
      </c>
      <c r="C6" s="5">
        <v>3.4000000000000002E-2</v>
      </c>
      <c r="D6" s="5">
        <v>3.0000000000000001E-3</v>
      </c>
      <c r="E6" s="5">
        <v>1E-3</v>
      </c>
      <c r="F6" s="5">
        <v>1</v>
      </c>
      <c r="K6" s="9"/>
      <c r="L6" s="9"/>
      <c r="M6" s="9"/>
      <c r="N6" s="9"/>
      <c r="O6" s="9"/>
    </row>
    <row r="7" spans="1:15">
      <c r="A7" s="56" t="s">
        <v>513</v>
      </c>
      <c r="B7" s="6">
        <v>98</v>
      </c>
      <c r="C7" s="6">
        <v>7</v>
      </c>
      <c r="D7" s="6">
        <v>0</v>
      </c>
      <c r="E7" s="6">
        <v>0</v>
      </c>
      <c r="F7" s="4">
        <v>105</v>
      </c>
    </row>
    <row r="8" spans="1:15">
      <c r="A8" s="57"/>
      <c r="B8" s="5">
        <v>0.93300000000000005</v>
      </c>
      <c r="C8" s="5">
        <v>6.7000000000000004E-2</v>
      </c>
      <c r="D8" s="5">
        <v>0</v>
      </c>
      <c r="E8" s="5">
        <v>0</v>
      </c>
      <c r="F8" s="5">
        <v>1</v>
      </c>
      <c r="K8" s="9"/>
      <c r="L8" s="9"/>
      <c r="M8" s="9"/>
      <c r="N8" s="9"/>
      <c r="O8" s="9"/>
    </row>
    <row r="9" spans="1:15">
      <c r="A9" s="56" t="s">
        <v>29</v>
      </c>
      <c r="B9" s="6">
        <v>842</v>
      </c>
      <c r="C9" s="6">
        <v>33</v>
      </c>
      <c r="D9" s="6">
        <v>2</v>
      </c>
      <c r="E9" s="6">
        <v>1</v>
      </c>
      <c r="F9" s="6">
        <v>878</v>
      </c>
    </row>
    <row r="10" spans="1:15">
      <c r="A10" s="57"/>
      <c r="B10" s="5">
        <v>0.95899999999999996</v>
      </c>
      <c r="C10" s="5">
        <v>3.7999999999999999E-2</v>
      </c>
      <c r="D10" s="5">
        <v>2E-3</v>
      </c>
      <c r="E10" s="5">
        <v>1E-3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54" t="s">
        <v>105</v>
      </c>
      <c r="B11" s="54"/>
      <c r="C11" s="54"/>
      <c r="D11" s="54"/>
      <c r="E11" s="54"/>
      <c r="F11" s="54"/>
    </row>
    <row r="12" spans="1:15">
      <c r="A12" s="55"/>
      <c r="B12" s="55"/>
      <c r="C12" s="55"/>
      <c r="D12" s="55"/>
      <c r="E12" s="55"/>
      <c r="F12" s="55"/>
    </row>
  </sheetData>
  <mergeCells count="6">
    <mergeCell ref="A11:F12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0"/>
  <dimension ref="A1:O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713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78" t="s">
        <v>211</v>
      </c>
      <c r="B3" s="53" t="s">
        <v>519</v>
      </c>
      <c r="C3" s="53"/>
      <c r="D3" s="53"/>
      <c r="E3" s="53"/>
      <c r="F3" s="53"/>
      <c r="G3" s="2"/>
    </row>
    <row r="4" spans="1:15">
      <c r="A4" s="78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15">
      <c r="A5" s="56" t="s">
        <v>576</v>
      </c>
      <c r="B5" s="4">
        <v>366</v>
      </c>
      <c r="C5" s="4">
        <v>309</v>
      </c>
      <c r="D5" s="4">
        <v>63</v>
      </c>
      <c r="E5" s="4">
        <v>6</v>
      </c>
      <c r="F5" s="4">
        <v>744</v>
      </c>
    </row>
    <row r="6" spans="1:15">
      <c r="A6" s="61"/>
      <c r="B6" s="5">
        <v>0.49199999999999999</v>
      </c>
      <c r="C6" s="5">
        <v>0.41499999999999998</v>
      </c>
      <c r="D6" s="5">
        <v>8.5000000000000006E-2</v>
      </c>
      <c r="E6" s="5">
        <v>8.0000000000000002E-3</v>
      </c>
      <c r="F6" s="5">
        <v>1</v>
      </c>
      <c r="K6" s="9"/>
      <c r="L6" s="9"/>
      <c r="M6" s="9"/>
      <c r="N6" s="9"/>
      <c r="O6" s="9"/>
    </row>
    <row r="7" spans="1:15">
      <c r="A7" s="56" t="s">
        <v>513</v>
      </c>
      <c r="B7" s="6">
        <v>53</v>
      </c>
      <c r="C7" s="6">
        <v>38</v>
      </c>
      <c r="D7" s="6">
        <v>4</v>
      </c>
      <c r="E7" s="6">
        <v>3</v>
      </c>
      <c r="F7" s="4">
        <v>98</v>
      </c>
    </row>
    <row r="8" spans="1:15">
      <c r="A8" s="57"/>
      <c r="B8" s="5">
        <v>0.54100000000000004</v>
      </c>
      <c r="C8" s="5">
        <v>0.38800000000000001</v>
      </c>
      <c r="D8" s="5">
        <v>4.1000000000000002E-2</v>
      </c>
      <c r="E8" s="5">
        <v>3.1E-2</v>
      </c>
      <c r="F8" s="5">
        <v>1</v>
      </c>
      <c r="K8" s="9"/>
      <c r="L8" s="9"/>
      <c r="M8" s="9"/>
      <c r="N8" s="9"/>
      <c r="O8" s="9"/>
    </row>
    <row r="9" spans="1:15" ht="14.25" customHeight="1">
      <c r="A9" s="56" t="s">
        <v>29</v>
      </c>
      <c r="B9" s="6">
        <v>419</v>
      </c>
      <c r="C9" s="6">
        <v>347</v>
      </c>
      <c r="D9" s="6">
        <v>67</v>
      </c>
      <c r="E9" s="6">
        <v>9</v>
      </c>
      <c r="F9" s="6">
        <v>842</v>
      </c>
    </row>
    <row r="10" spans="1:15">
      <c r="A10" s="57"/>
      <c r="B10" s="5">
        <v>0.498</v>
      </c>
      <c r="C10" s="5">
        <v>0.41199999999999998</v>
      </c>
      <c r="D10" s="5">
        <v>0.08</v>
      </c>
      <c r="E10" s="5">
        <v>1.0999999999999999E-2</v>
      </c>
      <c r="F10" s="5">
        <v>1</v>
      </c>
      <c r="K10" s="9"/>
      <c r="L10" s="9"/>
      <c r="M10" s="9"/>
      <c r="N10" s="9"/>
      <c r="O10" s="9"/>
    </row>
    <row r="11" spans="1:15">
      <c r="A11" s="54" t="s">
        <v>520</v>
      </c>
      <c r="B11" s="54"/>
      <c r="C11" s="54"/>
      <c r="D11" s="54"/>
      <c r="E11" s="54"/>
      <c r="F11" s="54"/>
    </row>
    <row r="12" spans="1:15">
      <c r="A12" s="55"/>
      <c r="B12" s="55"/>
      <c r="C12" s="55"/>
      <c r="D12" s="55"/>
      <c r="E12" s="55"/>
      <c r="F12" s="55"/>
    </row>
  </sheetData>
  <mergeCells count="6">
    <mergeCell ref="A11:F12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1"/>
  <dimension ref="A1:F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14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1</v>
      </c>
      <c r="B3" s="53" t="s">
        <v>113</v>
      </c>
      <c r="C3" s="53"/>
      <c r="D3" s="53"/>
      <c r="E3" s="53"/>
      <c r="F3" s="2"/>
    </row>
    <row r="4" spans="1:6" ht="28.5">
      <c r="A4" s="78"/>
      <c r="B4" s="8" t="s">
        <v>151</v>
      </c>
      <c r="C4" s="8" t="s">
        <v>152</v>
      </c>
      <c r="D4" s="8" t="s">
        <v>42</v>
      </c>
      <c r="E4" s="8" t="s">
        <v>29</v>
      </c>
    </row>
    <row r="5" spans="1:6">
      <c r="A5" s="56" t="s">
        <v>576</v>
      </c>
      <c r="B5" s="4">
        <v>761</v>
      </c>
      <c r="C5" s="4">
        <v>11</v>
      </c>
      <c r="D5" s="4">
        <v>1</v>
      </c>
      <c r="E5" s="4">
        <v>773</v>
      </c>
    </row>
    <row r="6" spans="1:6">
      <c r="A6" s="61"/>
      <c r="B6" s="5">
        <v>0.98399999999999999</v>
      </c>
      <c r="C6" s="5">
        <v>1.4E-2</v>
      </c>
      <c r="D6" s="5">
        <v>1E-3</v>
      </c>
      <c r="E6" s="5">
        <v>1</v>
      </c>
    </row>
    <row r="7" spans="1:6">
      <c r="A7" s="56" t="s">
        <v>513</v>
      </c>
      <c r="B7" s="6">
        <v>102</v>
      </c>
      <c r="C7" s="6">
        <v>2</v>
      </c>
      <c r="D7" s="6">
        <v>1</v>
      </c>
      <c r="E7" s="4">
        <v>105</v>
      </c>
    </row>
    <row r="8" spans="1:6">
      <c r="A8" s="57"/>
      <c r="B8" s="5">
        <v>0.97099999999999997</v>
      </c>
      <c r="C8" s="5">
        <v>1.9E-2</v>
      </c>
      <c r="D8" s="5">
        <v>0.01</v>
      </c>
      <c r="E8" s="5">
        <v>1</v>
      </c>
    </row>
    <row r="9" spans="1:6">
      <c r="A9" s="56" t="s">
        <v>29</v>
      </c>
      <c r="B9" s="6">
        <v>863</v>
      </c>
      <c r="C9" s="6">
        <v>13</v>
      </c>
      <c r="D9" s="6">
        <v>2</v>
      </c>
      <c r="E9" s="6">
        <v>878</v>
      </c>
    </row>
    <row r="10" spans="1:6">
      <c r="A10" s="57"/>
      <c r="B10" s="5">
        <v>0.98299999999999998</v>
      </c>
      <c r="C10" s="5">
        <v>1.4999999999999999E-2</v>
      </c>
      <c r="D10" s="5">
        <v>2E-3</v>
      </c>
      <c r="E10" s="5">
        <v>1</v>
      </c>
    </row>
    <row r="11" spans="1:6" ht="14.25" customHeight="1">
      <c r="A11" s="54" t="s">
        <v>106</v>
      </c>
      <c r="B11" s="54"/>
      <c r="C11" s="54"/>
      <c r="D11" s="54"/>
      <c r="E11" s="54"/>
    </row>
    <row r="12" spans="1:6">
      <c r="A12" s="55"/>
      <c r="B12" s="55"/>
      <c r="C12" s="55"/>
      <c r="D12" s="55"/>
      <c r="E12" s="55"/>
    </row>
  </sheetData>
  <mergeCells count="6">
    <mergeCell ref="A11:E12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/>
  <dimension ref="A1:Q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7">
      <c r="A1" s="1" t="s">
        <v>506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26</v>
      </c>
      <c r="B3" s="53" t="s">
        <v>126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17">
      <c r="A5" s="56" t="s">
        <v>30</v>
      </c>
      <c r="B5" s="4">
        <v>246</v>
      </c>
      <c r="C5" s="4">
        <v>458</v>
      </c>
      <c r="D5" s="4">
        <v>422</v>
      </c>
      <c r="E5" s="4">
        <v>226</v>
      </c>
      <c r="F5" s="4">
        <v>54</v>
      </c>
      <c r="G5" s="4">
        <v>1406</v>
      </c>
    </row>
    <row r="6" spans="1:17">
      <c r="A6" s="61"/>
      <c r="B6" s="5">
        <v>0.17499999999999999</v>
      </c>
      <c r="C6" s="5">
        <v>0.32600000000000001</v>
      </c>
      <c r="D6" s="5">
        <v>0.3</v>
      </c>
      <c r="E6" s="5">
        <v>0.161</v>
      </c>
      <c r="F6" s="5">
        <v>3.7999999999999999E-2</v>
      </c>
      <c r="G6" s="5">
        <v>1</v>
      </c>
    </row>
    <row r="7" spans="1:17">
      <c r="A7" s="56" t="s">
        <v>31</v>
      </c>
      <c r="B7" s="6">
        <v>120</v>
      </c>
      <c r="C7" s="6">
        <v>282</v>
      </c>
      <c r="D7" s="6">
        <v>210</v>
      </c>
      <c r="E7" s="6">
        <v>135</v>
      </c>
      <c r="F7" s="6">
        <v>18</v>
      </c>
      <c r="G7" s="4">
        <v>765</v>
      </c>
    </row>
    <row r="8" spans="1:17">
      <c r="A8" s="57"/>
      <c r="B8" s="5">
        <v>0.157</v>
      </c>
      <c r="C8" s="5">
        <v>0.36899999999999999</v>
      </c>
      <c r="D8" s="5">
        <v>0.27500000000000002</v>
      </c>
      <c r="E8" s="5">
        <v>0.17599999999999999</v>
      </c>
      <c r="F8" s="5">
        <v>2.4E-2</v>
      </c>
      <c r="G8" s="5">
        <v>1</v>
      </c>
      <c r="L8" s="9"/>
      <c r="M8" s="9"/>
      <c r="N8" s="9"/>
      <c r="O8" s="9"/>
      <c r="P8" s="9"/>
      <c r="Q8" s="9"/>
    </row>
    <row r="9" spans="1:17">
      <c r="A9" s="56" t="s">
        <v>32</v>
      </c>
      <c r="B9" s="6">
        <v>24</v>
      </c>
      <c r="C9" s="6">
        <v>96</v>
      </c>
      <c r="D9" s="6">
        <v>72</v>
      </c>
      <c r="E9" s="6">
        <v>44</v>
      </c>
      <c r="F9" s="6">
        <v>4</v>
      </c>
      <c r="G9" s="6">
        <v>240</v>
      </c>
    </row>
    <row r="10" spans="1:17">
      <c r="A10" s="57"/>
      <c r="B10" s="5">
        <v>0.1</v>
      </c>
      <c r="C10" s="5">
        <v>0.4</v>
      </c>
      <c r="D10" s="5">
        <v>0.3</v>
      </c>
      <c r="E10" s="5">
        <v>0.183</v>
      </c>
      <c r="F10" s="5">
        <v>1.7000000000000001E-2</v>
      </c>
      <c r="G10" s="5">
        <v>1</v>
      </c>
      <c r="L10" s="9"/>
      <c r="M10" s="9"/>
      <c r="N10" s="9"/>
      <c r="O10" s="9"/>
      <c r="P10" s="9"/>
      <c r="Q10" s="9"/>
    </row>
    <row r="11" spans="1:17" ht="14.25" customHeight="1">
      <c r="A11" s="58" t="s">
        <v>38</v>
      </c>
      <c r="B11" s="6">
        <v>16</v>
      </c>
      <c r="C11" s="6">
        <v>61</v>
      </c>
      <c r="D11" s="6">
        <v>72</v>
      </c>
      <c r="E11" s="6">
        <v>40</v>
      </c>
      <c r="F11" s="6">
        <v>10</v>
      </c>
      <c r="G11" s="6">
        <v>199</v>
      </c>
    </row>
    <row r="12" spans="1:17">
      <c r="A12" s="59"/>
      <c r="B12" s="5">
        <v>0.08</v>
      </c>
      <c r="C12" s="5">
        <v>0.307</v>
      </c>
      <c r="D12" s="5">
        <v>0.36199999999999999</v>
      </c>
      <c r="E12" s="5">
        <v>0.20100000000000001</v>
      </c>
      <c r="F12" s="5">
        <v>0.05</v>
      </c>
      <c r="G12" s="5">
        <v>1</v>
      </c>
      <c r="L12" s="9"/>
      <c r="M12" s="9"/>
      <c r="N12" s="9"/>
      <c r="O12" s="9"/>
      <c r="P12" s="9"/>
      <c r="Q12" s="9"/>
    </row>
    <row r="13" spans="1:17">
      <c r="A13" s="56" t="s">
        <v>33</v>
      </c>
      <c r="B13" s="6">
        <v>40</v>
      </c>
      <c r="C13" s="6">
        <v>109</v>
      </c>
      <c r="D13" s="6">
        <v>77</v>
      </c>
      <c r="E13" s="6">
        <v>53</v>
      </c>
      <c r="F13" s="6">
        <v>10</v>
      </c>
      <c r="G13" s="6">
        <v>289</v>
      </c>
    </row>
    <row r="14" spans="1:17">
      <c r="A14" s="57"/>
      <c r="B14" s="5">
        <v>0.13800000000000001</v>
      </c>
      <c r="C14" s="5">
        <v>0.377</v>
      </c>
      <c r="D14" s="5">
        <v>0.26600000000000001</v>
      </c>
      <c r="E14" s="5">
        <v>0.183</v>
      </c>
      <c r="F14" s="5">
        <v>3.5000000000000003E-2</v>
      </c>
      <c r="G14" s="5">
        <v>1</v>
      </c>
      <c r="L14" s="9"/>
      <c r="M14" s="9"/>
      <c r="N14" s="9"/>
      <c r="O14" s="9"/>
      <c r="P14" s="9"/>
      <c r="Q14" s="9"/>
    </row>
    <row r="15" spans="1:17">
      <c r="A15" s="56" t="s">
        <v>34</v>
      </c>
      <c r="B15" s="6">
        <v>54</v>
      </c>
      <c r="C15" s="6">
        <v>82</v>
      </c>
      <c r="D15" s="6">
        <v>71</v>
      </c>
      <c r="E15" s="6">
        <v>37</v>
      </c>
      <c r="F15" s="6">
        <v>8</v>
      </c>
      <c r="G15" s="6">
        <v>252</v>
      </c>
    </row>
    <row r="16" spans="1:17">
      <c r="A16" s="57"/>
      <c r="B16" s="5">
        <v>0.214</v>
      </c>
      <c r="C16" s="5">
        <v>0.32500000000000001</v>
      </c>
      <c r="D16" s="5">
        <v>0.28199999999999997</v>
      </c>
      <c r="E16" s="5">
        <v>0.14699999999999999</v>
      </c>
      <c r="F16" s="5">
        <v>3.2000000000000001E-2</v>
      </c>
      <c r="G16" s="5">
        <v>1</v>
      </c>
      <c r="L16" s="9"/>
      <c r="M16" s="9"/>
      <c r="N16" s="9"/>
      <c r="O16" s="9"/>
      <c r="P16" s="9"/>
      <c r="Q16" s="9"/>
    </row>
    <row r="17" spans="1:17">
      <c r="A17" s="56" t="s">
        <v>35</v>
      </c>
      <c r="B17" s="6">
        <v>66</v>
      </c>
      <c r="C17" s="6">
        <v>117</v>
      </c>
      <c r="D17" s="6">
        <v>109</v>
      </c>
      <c r="E17" s="6">
        <v>74</v>
      </c>
      <c r="F17" s="6">
        <v>10</v>
      </c>
      <c r="G17" s="6">
        <v>376</v>
      </c>
    </row>
    <row r="18" spans="1:17">
      <c r="A18" s="57"/>
      <c r="B18" s="5">
        <v>0.17599999999999999</v>
      </c>
      <c r="C18" s="5">
        <v>0.311</v>
      </c>
      <c r="D18" s="5">
        <v>0.28999999999999998</v>
      </c>
      <c r="E18" s="5">
        <v>0.19700000000000001</v>
      </c>
      <c r="F18" s="5">
        <v>2.7E-2</v>
      </c>
      <c r="G18" s="5">
        <v>1</v>
      </c>
      <c r="L18" s="9"/>
      <c r="M18" s="9"/>
      <c r="N18" s="9"/>
      <c r="O18" s="9"/>
      <c r="P18" s="9"/>
      <c r="Q18" s="9"/>
    </row>
    <row r="19" spans="1:17">
      <c r="A19" s="56" t="s">
        <v>36</v>
      </c>
      <c r="B19" s="6">
        <v>28</v>
      </c>
      <c r="C19" s="6">
        <v>54</v>
      </c>
      <c r="D19" s="6">
        <v>45</v>
      </c>
      <c r="E19" s="6">
        <v>22</v>
      </c>
      <c r="F19" s="6">
        <v>9</v>
      </c>
      <c r="G19" s="6">
        <v>158</v>
      </c>
    </row>
    <row r="20" spans="1:17">
      <c r="A20" s="57"/>
      <c r="B20" s="5">
        <v>0.17699999999999999</v>
      </c>
      <c r="C20" s="5">
        <v>0.34200000000000003</v>
      </c>
      <c r="D20" s="5">
        <v>0.28499999999999998</v>
      </c>
      <c r="E20" s="5">
        <v>0.13900000000000001</v>
      </c>
      <c r="F20" s="5">
        <v>5.7000000000000002E-2</v>
      </c>
      <c r="G20" s="5">
        <v>1</v>
      </c>
      <c r="L20" s="9"/>
      <c r="M20" s="9"/>
      <c r="N20" s="9"/>
      <c r="O20" s="9"/>
      <c r="P20" s="9"/>
      <c r="Q20" s="9"/>
    </row>
    <row r="21" spans="1:17">
      <c r="A21" s="56" t="s">
        <v>29</v>
      </c>
      <c r="B21" s="4">
        <v>594</v>
      </c>
      <c r="C21" s="4">
        <v>1259</v>
      </c>
      <c r="D21" s="4">
        <v>1078</v>
      </c>
      <c r="E21" s="4">
        <v>631</v>
      </c>
      <c r="F21" s="4">
        <v>123</v>
      </c>
      <c r="G21" s="4">
        <v>3685</v>
      </c>
    </row>
    <row r="22" spans="1:17">
      <c r="A22" s="57"/>
      <c r="B22" s="5">
        <v>0.161</v>
      </c>
      <c r="C22" s="5">
        <v>0.34200000000000003</v>
      </c>
      <c r="D22" s="5">
        <v>0.29299999999999998</v>
      </c>
      <c r="E22" s="5">
        <v>0.17100000000000001</v>
      </c>
      <c r="F22" s="5">
        <v>3.3000000000000002E-2</v>
      </c>
      <c r="G22" s="5">
        <v>1</v>
      </c>
      <c r="L22" s="9"/>
      <c r="M22" s="9"/>
      <c r="N22" s="9"/>
      <c r="O22" s="9"/>
      <c r="P22" s="9"/>
      <c r="Q22" s="9"/>
    </row>
    <row r="23" spans="1:17">
      <c r="A23" s="54" t="s">
        <v>127</v>
      </c>
      <c r="B23" s="54"/>
      <c r="C23" s="54"/>
      <c r="D23" s="54"/>
      <c r="E23" s="54"/>
      <c r="F23" s="54"/>
      <c r="G23" s="54"/>
    </row>
    <row r="24" spans="1:17">
      <c r="A24" s="55"/>
      <c r="B24" s="55"/>
      <c r="C24" s="55"/>
      <c r="D24" s="55"/>
      <c r="E24" s="55"/>
      <c r="F24" s="55"/>
      <c r="G24" s="55"/>
      <c r="L24" s="9"/>
      <c r="M24" s="9"/>
      <c r="N24" s="9"/>
      <c r="O24" s="9"/>
      <c r="P24" s="9"/>
      <c r="Q24" s="9"/>
    </row>
  </sheetData>
  <mergeCells count="12">
    <mergeCell ref="A23:G24"/>
    <mergeCell ref="A3:A4"/>
    <mergeCell ref="B3:G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2"/>
  <dimension ref="A1:G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15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1</v>
      </c>
      <c r="B3" s="53" t="s">
        <v>114</v>
      </c>
      <c r="C3" s="53"/>
      <c r="D3" s="53"/>
      <c r="E3" s="53"/>
      <c r="F3" s="53"/>
      <c r="G3" s="2"/>
    </row>
    <row r="4" spans="1:7">
      <c r="A4" s="78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7">
      <c r="A5" s="56" t="s">
        <v>576</v>
      </c>
      <c r="B5" s="4">
        <v>143</v>
      </c>
      <c r="C5" s="4">
        <v>254</v>
      </c>
      <c r="D5" s="4">
        <v>366</v>
      </c>
      <c r="E5" s="4">
        <v>10</v>
      </c>
      <c r="F5" s="4">
        <v>773</v>
      </c>
    </row>
    <row r="6" spans="1:7">
      <c r="A6" s="61"/>
      <c r="B6" s="5">
        <v>0.185</v>
      </c>
      <c r="C6" s="5">
        <v>0.32900000000000001</v>
      </c>
      <c r="D6" s="5">
        <v>0.47299999999999998</v>
      </c>
      <c r="E6" s="5">
        <v>1.2999999999999999E-2</v>
      </c>
      <c r="F6" s="5">
        <v>1</v>
      </c>
    </row>
    <row r="7" spans="1:7">
      <c r="A7" s="56" t="s">
        <v>513</v>
      </c>
      <c r="B7" s="6">
        <v>27</v>
      </c>
      <c r="C7" s="6">
        <v>29</v>
      </c>
      <c r="D7" s="6">
        <v>48</v>
      </c>
      <c r="E7" s="6">
        <v>1</v>
      </c>
      <c r="F7" s="4">
        <v>105</v>
      </c>
    </row>
    <row r="8" spans="1:7">
      <c r="A8" s="57"/>
      <c r="B8" s="5">
        <v>0.25700000000000001</v>
      </c>
      <c r="C8" s="5">
        <v>0.27600000000000002</v>
      </c>
      <c r="D8" s="5">
        <v>0.45700000000000002</v>
      </c>
      <c r="E8" s="5">
        <v>0.01</v>
      </c>
      <c r="F8" s="5">
        <v>1</v>
      </c>
    </row>
    <row r="9" spans="1:7">
      <c r="A9" s="56" t="s">
        <v>29</v>
      </c>
      <c r="B9" s="6">
        <v>170</v>
      </c>
      <c r="C9" s="6">
        <v>283</v>
      </c>
      <c r="D9" s="6">
        <v>414</v>
      </c>
      <c r="E9" s="6">
        <v>11</v>
      </c>
      <c r="F9" s="6">
        <v>878</v>
      </c>
    </row>
    <row r="10" spans="1:7">
      <c r="A10" s="57"/>
      <c r="B10" s="5">
        <v>0.19400000000000001</v>
      </c>
      <c r="C10" s="5">
        <v>0.32200000000000001</v>
      </c>
      <c r="D10" s="5">
        <v>0.47199999999999998</v>
      </c>
      <c r="E10" s="5">
        <v>1.2999999999999999E-2</v>
      </c>
      <c r="F10" s="5">
        <v>1</v>
      </c>
    </row>
    <row r="11" spans="1:7" ht="14.25" customHeight="1">
      <c r="A11" s="54" t="s">
        <v>115</v>
      </c>
      <c r="B11" s="54"/>
      <c r="C11" s="54"/>
      <c r="D11" s="54"/>
      <c r="E11" s="54"/>
      <c r="F11" s="54"/>
    </row>
    <row r="12" spans="1:7">
      <c r="A12" s="55"/>
      <c r="B12" s="55"/>
      <c r="C12" s="55"/>
      <c r="D12" s="55"/>
      <c r="E12" s="55"/>
      <c r="F12" s="55"/>
    </row>
  </sheetData>
  <mergeCells count="6">
    <mergeCell ref="A11:F12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3"/>
  <dimension ref="A1:H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16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1</v>
      </c>
      <c r="B3" s="53" t="s">
        <v>11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8">
      <c r="A5" s="56" t="s">
        <v>576</v>
      </c>
      <c r="B5" s="4">
        <v>606</v>
      </c>
      <c r="C5" s="4">
        <v>53</v>
      </c>
      <c r="D5" s="4">
        <v>86</v>
      </c>
      <c r="E5" s="4">
        <v>25</v>
      </c>
      <c r="F5" s="4">
        <v>3</v>
      </c>
      <c r="G5" s="4">
        <v>773</v>
      </c>
    </row>
    <row r="6" spans="1:8">
      <c r="A6" s="61"/>
      <c r="B6" s="5">
        <v>0.78400000000000003</v>
      </c>
      <c r="C6" s="5">
        <v>6.9000000000000006E-2</v>
      </c>
      <c r="D6" s="5">
        <v>0.111</v>
      </c>
      <c r="E6" s="5">
        <v>3.2000000000000001E-2</v>
      </c>
      <c r="F6" s="5">
        <v>4.0000000000000001E-3</v>
      </c>
      <c r="G6" s="5">
        <v>1</v>
      </c>
    </row>
    <row r="7" spans="1:8">
      <c r="A7" s="56" t="s">
        <v>513</v>
      </c>
      <c r="B7" s="6">
        <v>83</v>
      </c>
      <c r="C7" s="6">
        <v>7</v>
      </c>
      <c r="D7" s="6">
        <v>9</v>
      </c>
      <c r="E7" s="6">
        <v>6</v>
      </c>
      <c r="F7" s="6">
        <v>0</v>
      </c>
      <c r="G7" s="4">
        <v>105</v>
      </c>
    </row>
    <row r="8" spans="1:8">
      <c r="A8" s="57"/>
      <c r="B8" s="5">
        <v>0.79</v>
      </c>
      <c r="C8" s="5">
        <v>6.7000000000000004E-2</v>
      </c>
      <c r="D8" s="5">
        <v>8.5999999999999993E-2</v>
      </c>
      <c r="E8" s="5">
        <v>5.7000000000000002E-2</v>
      </c>
      <c r="F8" s="5">
        <v>0</v>
      </c>
      <c r="G8" s="5">
        <v>1</v>
      </c>
    </row>
    <row r="9" spans="1:8">
      <c r="A9" s="56" t="s">
        <v>29</v>
      </c>
      <c r="B9" s="6">
        <v>689</v>
      </c>
      <c r="C9" s="6">
        <v>60</v>
      </c>
      <c r="D9" s="6">
        <v>95</v>
      </c>
      <c r="E9" s="6">
        <v>31</v>
      </c>
      <c r="F9" s="6">
        <v>3</v>
      </c>
      <c r="G9" s="6">
        <v>878</v>
      </c>
    </row>
    <row r="10" spans="1:8">
      <c r="A10" s="57"/>
      <c r="B10" s="5">
        <v>0.78500000000000003</v>
      </c>
      <c r="C10" s="5">
        <v>6.8000000000000005E-2</v>
      </c>
      <c r="D10" s="5">
        <v>0.108</v>
      </c>
      <c r="E10" s="5">
        <v>3.5000000000000003E-2</v>
      </c>
      <c r="F10" s="5">
        <v>3.0000000000000001E-3</v>
      </c>
      <c r="G10" s="5">
        <v>1</v>
      </c>
    </row>
    <row r="11" spans="1:8" ht="14.25" customHeight="1">
      <c r="A11" s="54" t="s">
        <v>119</v>
      </c>
      <c r="B11" s="54"/>
      <c r="C11" s="54"/>
      <c r="D11" s="54"/>
      <c r="E11" s="54"/>
      <c r="F11" s="54"/>
      <c r="G11" s="54"/>
    </row>
    <row r="12" spans="1:8">
      <c r="A12" s="55"/>
      <c r="B12" s="55"/>
      <c r="C12" s="55"/>
      <c r="D12" s="55"/>
      <c r="E12" s="55"/>
      <c r="F12" s="55"/>
      <c r="G12" s="55"/>
    </row>
  </sheetData>
  <mergeCells count="6">
    <mergeCell ref="A11:G12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4"/>
  <dimension ref="A1:G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17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2</v>
      </c>
      <c r="B3" s="53" t="s">
        <v>117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7">
      <c r="A5" s="56" t="s">
        <v>576</v>
      </c>
      <c r="B5" s="4">
        <v>428</v>
      </c>
      <c r="C5" s="4">
        <v>313</v>
      </c>
      <c r="D5" s="4">
        <v>30</v>
      </c>
      <c r="E5" s="4">
        <v>2</v>
      </c>
      <c r="F5" s="4">
        <v>773</v>
      </c>
    </row>
    <row r="6" spans="1:7">
      <c r="A6" s="61"/>
      <c r="B6" s="5">
        <v>0.55400000000000005</v>
      </c>
      <c r="C6" s="5">
        <v>0.40500000000000003</v>
      </c>
      <c r="D6" s="5">
        <v>3.9E-2</v>
      </c>
      <c r="E6" s="5">
        <v>3.0000000000000001E-3</v>
      </c>
      <c r="F6" s="5">
        <v>1</v>
      </c>
    </row>
    <row r="7" spans="1:7">
      <c r="A7" s="56" t="s">
        <v>513</v>
      </c>
      <c r="B7" s="6">
        <v>51</v>
      </c>
      <c r="C7" s="6">
        <v>51</v>
      </c>
      <c r="D7" s="6">
        <v>3</v>
      </c>
      <c r="E7" s="6">
        <v>0</v>
      </c>
      <c r="F7" s="4">
        <v>105</v>
      </c>
    </row>
    <row r="8" spans="1:7">
      <c r="A8" s="57"/>
      <c r="B8" s="5">
        <v>0.48599999999999999</v>
      </c>
      <c r="C8" s="5">
        <v>0.48599999999999999</v>
      </c>
      <c r="D8" s="5">
        <v>2.9000000000000001E-2</v>
      </c>
      <c r="E8" s="5">
        <v>0</v>
      </c>
      <c r="F8" s="5">
        <v>1</v>
      </c>
    </row>
    <row r="9" spans="1:7">
      <c r="A9" s="56" t="s">
        <v>29</v>
      </c>
      <c r="B9" s="6">
        <v>479</v>
      </c>
      <c r="C9" s="6">
        <v>364</v>
      </c>
      <c r="D9" s="6">
        <v>33</v>
      </c>
      <c r="E9" s="6">
        <v>2</v>
      </c>
      <c r="F9" s="6">
        <v>878</v>
      </c>
    </row>
    <row r="10" spans="1:7">
      <c r="A10" s="57"/>
      <c r="B10" s="5">
        <v>0.54600000000000004</v>
      </c>
      <c r="C10" s="5">
        <v>0.41499999999999998</v>
      </c>
      <c r="D10" s="5">
        <v>3.7999999999999999E-2</v>
      </c>
      <c r="E10" s="5">
        <v>2E-3</v>
      </c>
      <c r="F10" s="5">
        <v>1</v>
      </c>
    </row>
    <row r="11" spans="1:7" ht="14.25" customHeight="1">
      <c r="A11" s="54" t="s">
        <v>118</v>
      </c>
      <c r="B11" s="54"/>
      <c r="C11" s="54"/>
      <c r="D11" s="54"/>
      <c r="E11" s="54"/>
      <c r="F11" s="54"/>
    </row>
    <row r="12" spans="1:7">
      <c r="A12" s="55"/>
      <c r="B12" s="55"/>
      <c r="C12" s="55"/>
      <c r="D12" s="55"/>
      <c r="E12" s="55"/>
      <c r="F12" s="55"/>
    </row>
  </sheetData>
  <mergeCells count="6">
    <mergeCell ref="A11:F12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5"/>
  <dimension ref="A1:F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18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2</v>
      </c>
      <c r="B3" s="53" t="s">
        <v>120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576</v>
      </c>
      <c r="B5" s="4">
        <v>480</v>
      </c>
      <c r="C5" s="4">
        <v>290</v>
      </c>
      <c r="D5" s="4">
        <v>3</v>
      </c>
      <c r="E5" s="4">
        <v>773</v>
      </c>
    </row>
    <row r="6" spans="1:6">
      <c r="A6" s="61"/>
      <c r="B6" s="5">
        <v>0.621</v>
      </c>
      <c r="C6" s="5">
        <v>0.375</v>
      </c>
      <c r="D6" s="5">
        <v>4.0000000000000001E-3</v>
      </c>
      <c r="E6" s="5">
        <v>1</v>
      </c>
    </row>
    <row r="7" spans="1:6">
      <c r="A7" s="56" t="s">
        <v>513</v>
      </c>
      <c r="B7" s="6">
        <v>54</v>
      </c>
      <c r="C7" s="6">
        <v>51</v>
      </c>
      <c r="D7" s="6">
        <v>0</v>
      </c>
      <c r="E7" s="4">
        <v>105</v>
      </c>
    </row>
    <row r="8" spans="1:6">
      <c r="A8" s="57"/>
      <c r="B8" s="5">
        <v>0.51400000000000001</v>
      </c>
      <c r="C8" s="5">
        <v>0.48599999999999999</v>
      </c>
      <c r="D8" s="5">
        <v>0</v>
      </c>
      <c r="E8" s="5">
        <v>1</v>
      </c>
    </row>
    <row r="9" spans="1:6">
      <c r="A9" s="56" t="s">
        <v>29</v>
      </c>
      <c r="B9" s="6">
        <v>534</v>
      </c>
      <c r="C9" s="6">
        <v>341</v>
      </c>
      <c r="D9" s="6">
        <v>3</v>
      </c>
      <c r="E9" s="6">
        <v>878</v>
      </c>
    </row>
    <row r="10" spans="1:6">
      <c r="A10" s="57"/>
      <c r="B10" s="5">
        <v>0.60799999999999998</v>
      </c>
      <c r="C10" s="5">
        <v>0.38800000000000001</v>
      </c>
      <c r="D10" s="5">
        <v>3.0000000000000001E-3</v>
      </c>
      <c r="E10" s="5">
        <v>1</v>
      </c>
    </row>
    <row r="11" spans="1:6" ht="14.25" customHeight="1">
      <c r="A11" s="54" t="s">
        <v>121</v>
      </c>
      <c r="B11" s="54"/>
      <c r="C11" s="54"/>
      <c r="D11" s="54"/>
      <c r="E11" s="54"/>
    </row>
    <row r="12" spans="1:6">
      <c r="A12" s="55"/>
      <c r="B12" s="55"/>
      <c r="C12" s="55"/>
      <c r="D12" s="55"/>
      <c r="E12" s="55"/>
    </row>
  </sheetData>
  <mergeCells count="6">
    <mergeCell ref="A11:E12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0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719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59.25" customHeight="1">
      <c r="A3" s="78" t="s">
        <v>212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56" t="s">
        <v>576</v>
      </c>
      <c r="B5" s="4">
        <v>39</v>
      </c>
      <c r="C5" s="4">
        <v>441</v>
      </c>
      <c r="D5" s="4">
        <v>377</v>
      </c>
      <c r="E5" s="4">
        <v>103</v>
      </c>
      <c r="F5" s="4">
        <v>153</v>
      </c>
      <c r="G5" s="4">
        <v>327</v>
      </c>
    </row>
    <row r="6" spans="1:7">
      <c r="A6" s="61"/>
      <c r="B6" s="5">
        <v>8.1000000000000003E-2</v>
      </c>
      <c r="C6" s="5">
        <v>0.91900000000000004</v>
      </c>
      <c r="D6" s="5">
        <v>0.78500000000000003</v>
      </c>
      <c r="E6" s="5">
        <v>0.215</v>
      </c>
      <c r="F6" s="5">
        <v>0.31900000000000001</v>
      </c>
      <c r="G6" s="5">
        <v>0.68100000000000005</v>
      </c>
    </row>
    <row r="7" spans="1:7">
      <c r="A7" s="56" t="s">
        <v>513</v>
      </c>
      <c r="B7" s="6">
        <v>2</v>
      </c>
      <c r="C7" s="6">
        <v>52</v>
      </c>
      <c r="D7" s="6">
        <v>40</v>
      </c>
      <c r="E7" s="6">
        <v>14</v>
      </c>
      <c r="F7" s="6">
        <v>16</v>
      </c>
      <c r="G7" s="6">
        <v>38</v>
      </c>
    </row>
    <row r="8" spans="1:7">
      <c r="A8" s="57"/>
      <c r="B8" s="5">
        <v>3.6999999999999998E-2</v>
      </c>
      <c r="C8" s="5">
        <v>0.96299999999999997</v>
      </c>
      <c r="D8" s="5">
        <v>0.74099999999999999</v>
      </c>
      <c r="E8" s="5">
        <v>0.25900000000000001</v>
      </c>
      <c r="F8" s="5">
        <v>0.29599999999999999</v>
      </c>
      <c r="G8" s="5">
        <v>0.70399999999999996</v>
      </c>
    </row>
    <row r="9" spans="1:7">
      <c r="A9" s="56" t="s">
        <v>29</v>
      </c>
      <c r="B9" s="6">
        <v>41</v>
      </c>
      <c r="C9" s="6">
        <v>493</v>
      </c>
      <c r="D9" s="6">
        <v>417</v>
      </c>
      <c r="E9" s="6">
        <v>117</v>
      </c>
      <c r="F9" s="6">
        <v>169</v>
      </c>
      <c r="G9" s="6">
        <v>365</v>
      </c>
    </row>
    <row r="10" spans="1:7">
      <c r="A10" s="57"/>
      <c r="B10" s="5">
        <v>7.6999999999999999E-2</v>
      </c>
      <c r="C10" s="5">
        <v>0.92300000000000004</v>
      </c>
      <c r="D10" s="5">
        <v>0.78100000000000003</v>
      </c>
      <c r="E10" s="5">
        <v>0.219</v>
      </c>
      <c r="F10" s="5">
        <v>0.316</v>
      </c>
      <c r="G10" s="5">
        <v>0.68400000000000005</v>
      </c>
    </row>
    <row r="12" spans="1:7" ht="33.75" customHeight="1">
      <c r="A12" s="78" t="s">
        <v>212</v>
      </c>
      <c r="B12" s="62" t="s">
        <v>243</v>
      </c>
      <c r="C12" s="63"/>
      <c r="D12" s="62" t="s">
        <v>244</v>
      </c>
      <c r="E12" s="63"/>
      <c r="F12" s="62" t="s">
        <v>245</v>
      </c>
      <c r="G12" s="64"/>
    </row>
    <row r="13" spans="1:7">
      <c r="A13" s="78"/>
      <c r="B13" s="8" t="s">
        <v>190</v>
      </c>
      <c r="C13" s="8" t="s">
        <v>191</v>
      </c>
      <c r="D13" s="8" t="s">
        <v>190</v>
      </c>
      <c r="E13" s="8" t="s">
        <v>191</v>
      </c>
      <c r="F13" s="8" t="s">
        <v>190</v>
      </c>
      <c r="G13" s="8" t="s">
        <v>191</v>
      </c>
    </row>
    <row r="14" spans="1:7">
      <c r="A14" s="56" t="s">
        <v>576</v>
      </c>
      <c r="B14" s="4">
        <v>309</v>
      </c>
      <c r="C14" s="4">
        <v>171</v>
      </c>
      <c r="D14" s="4">
        <v>14</v>
      </c>
      <c r="E14" s="4">
        <v>466</v>
      </c>
      <c r="F14" s="4">
        <v>27</v>
      </c>
      <c r="G14" s="4">
        <v>453</v>
      </c>
    </row>
    <row r="15" spans="1:7">
      <c r="A15" s="61"/>
      <c r="B15" s="5">
        <v>0.64400000000000002</v>
      </c>
      <c r="C15" s="5">
        <v>0.35599999999999998</v>
      </c>
      <c r="D15" s="5">
        <v>2.9000000000000001E-2</v>
      </c>
      <c r="E15" s="5">
        <v>0.97099999999999997</v>
      </c>
      <c r="F15" s="5">
        <v>5.6000000000000001E-2</v>
      </c>
      <c r="G15" s="5">
        <v>0.94399999999999995</v>
      </c>
    </row>
    <row r="16" spans="1:7">
      <c r="A16" s="56" t="s">
        <v>513</v>
      </c>
      <c r="B16" s="6">
        <v>40</v>
      </c>
      <c r="C16" s="6">
        <v>14</v>
      </c>
      <c r="D16" s="4">
        <v>0</v>
      </c>
      <c r="E16" s="6">
        <v>54</v>
      </c>
      <c r="F16" s="6">
        <v>6</v>
      </c>
      <c r="G16" s="6">
        <v>48</v>
      </c>
    </row>
    <row r="17" spans="1:7">
      <c r="A17" s="57"/>
      <c r="B17" s="5">
        <v>0.74099999999999999</v>
      </c>
      <c r="C17" s="5">
        <v>0.25900000000000001</v>
      </c>
      <c r="D17" s="5">
        <v>0</v>
      </c>
      <c r="E17" s="5">
        <v>1</v>
      </c>
      <c r="F17" s="5">
        <v>0.111</v>
      </c>
      <c r="G17" s="5">
        <v>0.88900000000000001</v>
      </c>
    </row>
    <row r="18" spans="1:7">
      <c r="A18" s="56" t="s">
        <v>29</v>
      </c>
      <c r="B18" s="6">
        <v>349</v>
      </c>
      <c r="C18" s="6">
        <v>185</v>
      </c>
      <c r="D18" s="6">
        <v>14</v>
      </c>
      <c r="E18" s="6">
        <v>520</v>
      </c>
      <c r="F18" s="6">
        <v>33</v>
      </c>
      <c r="G18" s="6">
        <v>501</v>
      </c>
    </row>
    <row r="19" spans="1:7">
      <c r="A19" s="57"/>
      <c r="B19" s="5">
        <v>0.65400000000000003</v>
      </c>
      <c r="C19" s="5">
        <v>0.34599999999999997</v>
      </c>
      <c r="D19" s="5">
        <v>2.5999999999999999E-2</v>
      </c>
      <c r="E19" s="5">
        <v>0.97399999999999998</v>
      </c>
      <c r="F19" s="5">
        <v>6.2E-2</v>
      </c>
      <c r="G19" s="5">
        <v>0.93799999999999994</v>
      </c>
    </row>
    <row r="21" spans="1:7" ht="45.75" customHeight="1">
      <c r="A21" s="78" t="s">
        <v>212</v>
      </c>
      <c r="B21" s="62" t="s">
        <v>246</v>
      </c>
      <c r="C21" s="63"/>
      <c r="D21" s="62" t="s">
        <v>247</v>
      </c>
      <c r="E21" s="63"/>
      <c r="F21" s="62" t="s">
        <v>248</v>
      </c>
      <c r="G21" s="64"/>
    </row>
    <row r="22" spans="1:7">
      <c r="A22" s="78"/>
      <c r="B22" s="8" t="s">
        <v>190</v>
      </c>
      <c r="C22" s="8" t="s">
        <v>191</v>
      </c>
      <c r="D22" s="8" t="s">
        <v>190</v>
      </c>
      <c r="E22" s="8" t="s">
        <v>191</v>
      </c>
      <c r="F22" s="8" t="s">
        <v>190</v>
      </c>
      <c r="G22" s="8" t="s">
        <v>191</v>
      </c>
    </row>
    <row r="23" spans="1:7">
      <c r="A23" s="56" t="s">
        <v>576</v>
      </c>
      <c r="B23" s="4">
        <v>22</v>
      </c>
      <c r="C23" s="4">
        <v>458</v>
      </c>
      <c r="D23" s="4">
        <v>0</v>
      </c>
      <c r="E23" s="4">
        <v>480</v>
      </c>
      <c r="F23" s="4">
        <v>7</v>
      </c>
      <c r="G23" s="4">
        <v>473</v>
      </c>
    </row>
    <row r="24" spans="1:7">
      <c r="A24" s="61"/>
      <c r="B24" s="5">
        <v>4.5999999999999999E-2</v>
      </c>
      <c r="C24" s="5">
        <v>0.95399999999999996</v>
      </c>
      <c r="D24" s="5">
        <v>0</v>
      </c>
      <c r="E24" s="5">
        <v>1</v>
      </c>
      <c r="F24" s="5">
        <v>1.4999999999999999E-2</v>
      </c>
      <c r="G24" s="5">
        <v>0.98499999999999999</v>
      </c>
    </row>
    <row r="25" spans="1:7">
      <c r="A25" s="56" t="s">
        <v>513</v>
      </c>
      <c r="B25" s="6">
        <v>2</v>
      </c>
      <c r="C25" s="6">
        <v>52</v>
      </c>
      <c r="D25" s="6">
        <v>0</v>
      </c>
      <c r="E25" s="6">
        <v>54</v>
      </c>
      <c r="F25" s="6">
        <v>0</v>
      </c>
      <c r="G25" s="6">
        <v>54</v>
      </c>
    </row>
    <row r="26" spans="1:7">
      <c r="A26" s="57"/>
      <c r="B26" s="5">
        <v>3.6999999999999998E-2</v>
      </c>
      <c r="C26" s="5">
        <v>0.96299999999999997</v>
      </c>
      <c r="D26" s="5">
        <v>0</v>
      </c>
      <c r="E26" s="5">
        <v>1</v>
      </c>
      <c r="F26" s="5">
        <v>0</v>
      </c>
      <c r="G26" s="5">
        <v>1</v>
      </c>
    </row>
    <row r="27" spans="1:7">
      <c r="A27" s="56" t="s">
        <v>29</v>
      </c>
      <c r="B27" s="6">
        <v>24</v>
      </c>
      <c r="C27" s="6">
        <v>510</v>
      </c>
      <c r="D27" s="6">
        <v>0</v>
      </c>
      <c r="E27" s="6">
        <v>534</v>
      </c>
      <c r="F27" s="6">
        <v>7</v>
      </c>
      <c r="G27" s="6">
        <v>527</v>
      </c>
    </row>
    <row r="28" spans="1:7">
      <c r="A28" s="57"/>
      <c r="B28" s="5">
        <v>4.4999999999999998E-2</v>
      </c>
      <c r="C28" s="5">
        <v>0.95499999999999996</v>
      </c>
      <c r="D28" s="5">
        <v>0</v>
      </c>
      <c r="E28" s="5">
        <v>1</v>
      </c>
      <c r="F28" s="5">
        <v>1.2999999999999999E-2</v>
      </c>
      <c r="G28" s="5">
        <v>0.98699999999999999</v>
      </c>
    </row>
    <row r="29" spans="1:7">
      <c r="A29" s="55" t="s">
        <v>631</v>
      </c>
      <c r="B29" s="55"/>
      <c r="C29" s="55"/>
      <c r="D29" s="55"/>
      <c r="E29" s="55"/>
      <c r="F29" s="55"/>
      <c r="G29" s="55"/>
    </row>
    <row r="30" spans="1:7">
      <c r="A30" s="55"/>
      <c r="B30" s="55"/>
      <c r="C30" s="55"/>
      <c r="D30" s="55"/>
      <c r="E30" s="55"/>
      <c r="F30" s="55"/>
      <c r="G30" s="55"/>
    </row>
  </sheetData>
  <mergeCells count="22">
    <mergeCell ref="B12:C12"/>
    <mergeCell ref="D12:E12"/>
    <mergeCell ref="F12:G12"/>
    <mergeCell ref="A3:A4"/>
    <mergeCell ref="B3:C3"/>
    <mergeCell ref="D3:E3"/>
    <mergeCell ref="F3:G3"/>
    <mergeCell ref="A14:A15"/>
    <mergeCell ref="A16:A17"/>
    <mergeCell ref="A18:A19"/>
    <mergeCell ref="A5:A6"/>
    <mergeCell ref="A7:A8"/>
    <mergeCell ref="A9:A10"/>
    <mergeCell ref="A12:A13"/>
    <mergeCell ref="A23:A24"/>
    <mergeCell ref="A25:A26"/>
    <mergeCell ref="A27:A28"/>
    <mergeCell ref="A29:G30"/>
    <mergeCell ref="A21:A22"/>
    <mergeCell ref="B21:C21"/>
    <mergeCell ref="D21:E21"/>
    <mergeCell ref="F21:G21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7"/>
  <dimension ref="A1:F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20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1</v>
      </c>
      <c r="B3" s="53" t="s">
        <v>122</v>
      </c>
      <c r="C3" s="53"/>
      <c r="D3" s="53"/>
      <c r="E3" s="53"/>
      <c r="F3" s="2"/>
    </row>
    <row r="4" spans="1:6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56" t="s">
        <v>576</v>
      </c>
      <c r="B5" s="4">
        <v>420</v>
      </c>
      <c r="C5" s="4">
        <v>350</v>
      </c>
      <c r="D5" s="4">
        <v>3</v>
      </c>
      <c r="E5" s="4">
        <v>773</v>
      </c>
    </row>
    <row r="6" spans="1:6">
      <c r="A6" s="61"/>
      <c r="B6" s="5">
        <v>0.54300000000000004</v>
      </c>
      <c r="C6" s="5">
        <v>0.45300000000000001</v>
      </c>
      <c r="D6" s="5">
        <v>4.0000000000000001E-3</v>
      </c>
      <c r="E6" s="5">
        <v>1</v>
      </c>
    </row>
    <row r="7" spans="1:6">
      <c r="A7" s="56" t="s">
        <v>513</v>
      </c>
      <c r="B7" s="6">
        <v>48</v>
      </c>
      <c r="C7" s="6">
        <v>57</v>
      </c>
      <c r="D7" s="6">
        <v>0</v>
      </c>
      <c r="E7" s="4">
        <v>105</v>
      </c>
    </row>
    <row r="8" spans="1:6">
      <c r="A8" s="57"/>
      <c r="B8" s="5">
        <v>0.45700000000000002</v>
      </c>
      <c r="C8" s="5">
        <v>0.54300000000000004</v>
      </c>
      <c r="D8" s="5">
        <v>0</v>
      </c>
      <c r="E8" s="5">
        <v>1</v>
      </c>
    </row>
    <row r="9" spans="1:6">
      <c r="A9" s="56" t="s">
        <v>29</v>
      </c>
      <c r="B9" s="6">
        <v>468</v>
      </c>
      <c r="C9" s="6">
        <v>407</v>
      </c>
      <c r="D9" s="6">
        <v>3</v>
      </c>
      <c r="E9" s="6">
        <v>878</v>
      </c>
    </row>
    <row r="10" spans="1:6">
      <c r="A10" s="57"/>
      <c r="B10" s="5">
        <v>0.53300000000000003</v>
      </c>
      <c r="C10" s="5">
        <v>0.46400000000000002</v>
      </c>
      <c r="D10" s="5">
        <v>3.0000000000000001E-3</v>
      </c>
      <c r="E10" s="5">
        <v>1</v>
      </c>
    </row>
    <row r="11" spans="1:6" ht="14.25" customHeight="1">
      <c r="A11" s="54" t="s">
        <v>123</v>
      </c>
      <c r="B11" s="54"/>
      <c r="C11" s="54"/>
      <c r="D11" s="54"/>
      <c r="E11" s="54"/>
    </row>
    <row r="12" spans="1:6">
      <c r="A12" s="55"/>
      <c r="B12" s="55"/>
      <c r="C12" s="55"/>
      <c r="D12" s="55"/>
      <c r="E12" s="55"/>
    </row>
  </sheetData>
  <mergeCells count="6">
    <mergeCell ref="A11:E12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8"/>
  <dimension ref="A1:F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21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1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576</v>
      </c>
      <c r="B5" s="4">
        <v>300</v>
      </c>
      <c r="C5" s="4">
        <v>101</v>
      </c>
      <c r="D5" s="4">
        <v>19</v>
      </c>
      <c r="E5" s="4">
        <v>420</v>
      </c>
    </row>
    <row r="6" spans="1:6">
      <c r="A6" s="61"/>
      <c r="B6" s="5">
        <v>0.71399999999999997</v>
      </c>
      <c r="C6" s="5">
        <v>0.24</v>
      </c>
      <c r="D6" s="5">
        <v>4.4999999999999998E-2</v>
      </c>
      <c r="E6" s="5">
        <v>1</v>
      </c>
    </row>
    <row r="7" spans="1:6">
      <c r="A7" s="56" t="s">
        <v>513</v>
      </c>
      <c r="B7" s="6">
        <v>35</v>
      </c>
      <c r="C7" s="6">
        <v>10</v>
      </c>
      <c r="D7" s="6">
        <v>3</v>
      </c>
      <c r="E7" s="4">
        <v>48</v>
      </c>
    </row>
    <row r="8" spans="1:6">
      <c r="A8" s="57"/>
      <c r="B8" s="5">
        <v>0.72899999999999998</v>
      </c>
      <c r="C8" s="5">
        <v>0.20799999999999999</v>
      </c>
      <c r="D8" s="5">
        <v>6.3E-2</v>
      </c>
      <c r="E8" s="5">
        <v>1</v>
      </c>
    </row>
    <row r="9" spans="1:6">
      <c r="A9" s="56" t="s">
        <v>29</v>
      </c>
      <c r="B9" s="6">
        <v>335</v>
      </c>
      <c r="C9" s="6">
        <v>111</v>
      </c>
      <c r="D9" s="6">
        <v>22</v>
      </c>
      <c r="E9" s="6">
        <v>468</v>
      </c>
    </row>
    <row r="10" spans="1:6">
      <c r="A10" s="57"/>
      <c r="B10" s="5">
        <v>0.71599999999999997</v>
      </c>
      <c r="C10" s="5">
        <v>0.23699999999999999</v>
      </c>
      <c r="D10" s="5">
        <v>4.7E-2</v>
      </c>
      <c r="E10" s="5">
        <v>1</v>
      </c>
    </row>
    <row r="11" spans="1:6" ht="14.25" customHeight="1">
      <c r="A11" s="55" t="s">
        <v>125</v>
      </c>
      <c r="B11" s="55"/>
      <c r="C11" s="55"/>
      <c r="D11" s="55"/>
      <c r="E11" s="55"/>
    </row>
    <row r="12" spans="1:6">
      <c r="A12" s="55"/>
      <c r="B12" s="55"/>
      <c r="C12" s="55"/>
      <c r="D12" s="55"/>
      <c r="E12" s="55"/>
    </row>
  </sheetData>
  <mergeCells count="6">
    <mergeCell ref="A11:E12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9"/>
  <dimension ref="A1:H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22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1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56" t="s">
        <v>576</v>
      </c>
      <c r="B5" s="4">
        <v>142</v>
      </c>
      <c r="C5" s="4">
        <v>258</v>
      </c>
      <c r="D5" s="4">
        <v>237</v>
      </c>
      <c r="E5" s="4">
        <v>110</v>
      </c>
      <c r="F5" s="4">
        <v>26</v>
      </c>
      <c r="G5" s="4">
        <v>773</v>
      </c>
    </row>
    <row r="6" spans="1:8">
      <c r="A6" s="61"/>
      <c r="B6" s="5">
        <v>0.184</v>
      </c>
      <c r="C6" s="5">
        <v>0.33400000000000002</v>
      </c>
      <c r="D6" s="5">
        <v>0.307</v>
      </c>
      <c r="E6" s="5">
        <v>0.14199999999999999</v>
      </c>
      <c r="F6" s="5">
        <v>3.4000000000000002E-2</v>
      </c>
      <c r="G6" s="5">
        <v>1</v>
      </c>
    </row>
    <row r="7" spans="1:8">
      <c r="A7" s="56" t="s">
        <v>513</v>
      </c>
      <c r="B7" s="6">
        <v>29</v>
      </c>
      <c r="C7" s="6">
        <v>33</v>
      </c>
      <c r="D7" s="6">
        <v>20</v>
      </c>
      <c r="E7" s="6">
        <v>18</v>
      </c>
      <c r="F7" s="6">
        <v>5</v>
      </c>
      <c r="G7" s="4">
        <v>105</v>
      </c>
    </row>
    <row r="8" spans="1:8">
      <c r="A8" s="57"/>
      <c r="B8" s="5">
        <v>0.27600000000000002</v>
      </c>
      <c r="C8" s="5">
        <v>0.314</v>
      </c>
      <c r="D8" s="5">
        <v>0.19</v>
      </c>
      <c r="E8" s="5">
        <v>0.17100000000000001</v>
      </c>
      <c r="F8" s="5">
        <v>4.8000000000000001E-2</v>
      </c>
      <c r="G8" s="5">
        <v>1</v>
      </c>
    </row>
    <row r="9" spans="1:8">
      <c r="A9" s="56" t="s">
        <v>29</v>
      </c>
      <c r="B9" s="6">
        <v>171</v>
      </c>
      <c r="C9" s="6">
        <v>291</v>
      </c>
      <c r="D9" s="6">
        <v>257</v>
      </c>
      <c r="E9" s="6">
        <v>128</v>
      </c>
      <c r="F9" s="6">
        <v>31</v>
      </c>
      <c r="G9" s="6">
        <v>878</v>
      </c>
    </row>
    <row r="10" spans="1:8">
      <c r="A10" s="57"/>
      <c r="B10" s="5">
        <v>0.19500000000000001</v>
      </c>
      <c r="C10" s="5">
        <v>0.33100000000000002</v>
      </c>
      <c r="D10" s="5">
        <v>0.29299999999999998</v>
      </c>
      <c r="E10" s="5">
        <v>0.14599999999999999</v>
      </c>
      <c r="F10" s="5">
        <v>3.5000000000000003E-2</v>
      </c>
      <c r="G10" s="5">
        <v>1</v>
      </c>
    </row>
    <row r="11" spans="1:8" ht="14.25" customHeight="1">
      <c r="A11" s="55" t="s">
        <v>127</v>
      </c>
      <c r="B11" s="55"/>
      <c r="C11" s="55"/>
      <c r="D11" s="55"/>
      <c r="E11" s="55"/>
      <c r="F11" s="55"/>
      <c r="G11" s="55"/>
    </row>
    <row r="12" spans="1:8">
      <c r="A12" s="55"/>
      <c r="B12" s="55"/>
      <c r="C12" s="55"/>
      <c r="D12" s="55"/>
      <c r="E12" s="55"/>
      <c r="F12" s="55"/>
      <c r="G12" s="55"/>
    </row>
  </sheetData>
  <mergeCells count="6">
    <mergeCell ref="A11:G12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0"/>
  <dimension ref="A1:G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23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2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56" t="s">
        <v>576</v>
      </c>
      <c r="B5" s="4">
        <v>46</v>
      </c>
      <c r="C5" s="4">
        <v>568</v>
      </c>
      <c r="D5" s="4">
        <v>158</v>
      </c>
      <c r="E5" s="4">
        <v>1</v>
      </c>
      <c r="F5" s="4">
        <v>773</v>
      </c>
    </row>
    <row r="6" spans="1:7">
      <c r="A6" s="61"/>
      <c r="B6" s="5">
        <v>0.06</v>
      </c>
      <c r="C6" s="5">
        <v>0.73499999999999999</v>
      </c>
      <c r="D6" s="5">
        <v>0.20399999999999999</v>
      </c>
      <c r="E6" s="5">
        <v>1E-3</v>
      </c>
      <c r="F6" s="5">
        <v>1</v>
      </c>
    </row>
    <row r="7" spans="1:7">
      <c r="A7" s="56" t="s">
        <v>513</v>
      </c>
      <c r="B7" s="6">
        <v>9</v>
      </c>
      <c r="C7" s="6">
        <v>68</v>
      </c>
      <c r="D7" s="6">
        <v>28</v>
      </c>
      <c r="E7" s="6">
        <v>0</v>
      </c>
      <c r="F7" s="4">
        <v>105</v>
      </c>
    </row>
    <row r="8" spans="1:7">
      <c r="A8" s="57"/>
      <c r="B8" s="5">
        <v>8.5999999999999993E-2</v>
      </c>
      <c r="C8" s="5">
        <v>0.64800000000000002</v>
      </c>
      <c r="D8" s="5">
        <v>0.26700000000000002</v>
      </c>
      <c r="E8" s="5">
        <v>0</v>
      </c>
      <c r="F8" s="5">
        <v>1</v>
      </c>
    </row>
    <row r="9" spans="1:7">
      <c r="A9" s="56" t="s">
        <v>29</v>
      </c>
      <c r="B9" s="6">
        <v>55</v>
      </c>
      <c r="C9" s="6">
        <v>636</v>
      </c>
      <c r="D9" s="6">
        <v>186</v>
      </c>
      <c r="E9" s="6">
        <v>1</v>
      </c>
      <c r="F9" s="6">
        <v>878</v>
      </c>
    </row>
    <row r="10" spans="1:7">
      <c r="A10" s="57"/>
      <c r="B10" s="5">
        <v>6.3E-2</v>
      </c>
      <c r="C10" s="5">
        <v>0.72399999999999998</v>
      </c>
      <c r="D10" s="5">
        <v>0.21199999999999999</v>
      </c>
      <c r="E10" s="5">
        <v>1E-3</v>
      </c>
      <c r="F10" s="5">
        <v>1</v>
      </c>
    </row>
    <row r="11" spans="1:7" ht="14.25" customHeight="1">
      <c r="A11" s="54" t="s">
        <v>129</v>
      </c>
      <c r="B11" s="54"/>
      <c r="C11" s="54"/>
      <c r="D11" s="54"/>
      <c r="E11" s="54"/>
      <c r="F11" s="54"/>
    </row>
    <row r="12" spans="1:7">
      <c r="A12" s="55"/>
      <c r="B12" s="55"/>
      <c r="C12" s="55"/>
      <c r="D12" s="55"/>
      <c r="E12" s="55"/>
      <c r="F12" s="55"/>
    </row>
  </sheetData>
  <mergeCells count="6">
    <mergeCell ref="A11:F12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1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1"/>
  <dimension ref="A1:H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24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1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56" t="s">
        <v>576</v>
      </c>
      <c r="B5" s="4">
        <v>30</v>
      </c>
      <c r="C5" s="4">
        <v>9</v>
      </c>
      <c r="D5" s="4">
        <v>1</v>
      </c>
      <c r="E5" s="4">
        <v>5</v>
      </c>
      <c r="F5" s="4">
        <v>1</v>
      </c>
      <c r="G5" s="4">
        <v>46</v>
      </c>
    </row>
    <row r="6" spans="1:8">
      <c r="A6" s="61"/>
      <c r="B6" s="5">
        <v>0.65200000000000002</v>
      </c>
      <c r="C6" s="5">
        <v>0.19600000000000001</v>
      </c>
      <c r="D6" s="5">
        <v>2.1999999999999999E-2</v>
      </c>
      <c r="E6" s="5">
        <v>0.109</v>
      </c>
      <c r="F6" s="5">
        <v>2.1999999999999999E-2</v>
      </c>
      <c r="G6" s="5">
        <v>1</v>
      </c>
    </row>
    <row r="7" spans="1:8">
      <c r="A7" s="56" t="s">
        <v>513</v>
      </c>
      <c r="B7" s="6">
        <v>4</v>
      </c>
      <c r="C7" s="6">
        <v>3</v>
      </c>
      <c r="D7" s="6">
        <v>0</v>
      </c>
      <c r="E7" s="6">
        <v>2</v>
      </c>
      <c r="F7" s="6">
        <v>0</v>
      </c>
      <c r="G7" s="4">
        <v>9</v>
      </c>
    </row>
    <row r="8" spans="1:8">
      <c r="A8" s="57"/>
      <c r="B8" s="5">
        <v>0.44400000000000001</v>
      </c>
      <c r="C8" s="5">
        <v>0.33300000000000002</v>
      </c>
      <c r="D8" s="5">
        <v>0</v>
      </c>
      <c r="E8" s="5">
        <v>0.222</v>
      </c>
      <c r="F8" s="5">
        <v>0</v>
      </c>
      <c r="G8" s="5">
        <v>1</v>
      </c>
    </row>
    <row r="9" spans="1:8">
      <c r="A9" s="56" t="s">
        <v>29</v>
      </c>
      <c r="B9" s="6">
        <v>34</v>
      </c>
      <c r="C9" s="6">
        <v>12</v>
      </c>
      <c r="D9" s="6">
        <v>1</v>
      </c>
      <c r="E9" s="6">
        <v>7</v>
      </c>
      <c r="F9" s="6">
        <v>1</v>
      </c>
      <c r="G9" s="6">
        <v>55</v>
      </c>
    </row>
    <row r="10" spans="1:8">
      <c r="A10" s="57"/>
      <c r="B10" s="5">
        <v>0.61799999999999999</v>
      </c>
      <c r="C10" s="5">
        <v>0.218</v>
      </c>
      <c r="D10" s="5">
        <v>1.7999999999999999E-2</v>
      </c>
      <c r="E10" s="5">
        <v>0.127</v>
      </c>
      <c r="F10" s="5">
        <v>1.7999999999999999E-2</v>
      </c>
      <c r="G10" s="5">
        <v>1</v>
      </c>
    </row>
    <row r="11" spans="1:8" ht="14.25" customHeight="1">
      <c r="A11" s="54" t="s">
        <v>131</v>
      </c>
      <c r="B11" s="54"/>
      <c r="C11" s="54"/>
      <c r="D11" s="54"/>
      <c r="E11" s="54"/>
      <c r="F11" s="54"/>
      <c r="G11" s="54"/>
    </row>
    <row r="12" spans="1:8">
      <c r="A12" s="55"/>
      <c r="B12" s="55"/>
      <c r="C12" s="55"/>
      <c r="D12" s="55"/>
      <c r="E12" s="55"/>
      <c r="F12" s="55"/>
      <c r="G12" s="55"/>
    </row>
  </sheetData>
  <mergeCells count="6">
    <mergeCell ref="A11:G12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N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9" width="9" style="1"/>
    <col min="10" max="10" width="7" style="1" customWidth="1"/>
    <col min="11" max="16384" width="9" style="1"/>
  </cols>
  <sheetData>
    <row r="1" spans="1:14">
      <c r="A1" s="1" t="s">
        <v>43</v>
      </c>
    </row>
    <row r="2" spans="1:14" ht="14.25" customHeight="1">
      <c r="A2" s="41" t="s">
        <v>812</v>
      </c>
      <c r="C2" s="7"/>
      <c r="D2" s="7"/>
      <c r="E2" s="7"/>
    </row>
    <row r="3" spans="1:14" ht="14.25" customHeight="1">
      <c r="A3" s="60" t="s">
        <v>26</v>
      </c>
      <c r="B3" s="53" t="s">
        <v>39</v>
      </c>
      <c r="C3" s="53"/>
      <c r="D3" s="53"/>
      <c r="E3" s="53"/>
      <c r="F3" s="2"/>
    </row>
    <row r="4" spans="1:14">
      <c r="A4" s="60"/>
      <c r="B4" s="3" t="s">
        <v>132</v>
      </c>
      <c r="C4" s="3" t="s">
        <v>133</v>
      </c>
      <c r="D4" s="3" t="s">
        <v>42</v>
      </c>
      <c r="E4" s="3" t="s">
        <v>134</v>
      </c>
    </row>
    <row r="5" spans="1:14">
      <c r="A5" s="56" t="s">
        <v>30</v>
      </c>
      <c r="B5" s="4">
        <v>1190</v>
      </c>
      <c r="C5" s="4">
        <v>207</v>
      </c>
      <c r="D5" s="4">
        <v>9</v>
      </c>
      <c r="E5" s="4">
        <v>1406</v>
      </c>
    </row>
    <row r="6" spans="1:14">
      <c r="A6" s="61"/>
      <c r="B6" s="5">
        <v>0.84599999999999997</v>
      </c>
      <c r="C6" s="5">
        <v>0.14699999999999999</v>
      </c>
      <c r="D6" s="5">
        <v>6.0000000000000001E-3</v>
      </c>
      <c r="E6" s="5">
        <v>1</v>
      </c>
    </row>
    <row r="7" spans="1:14">
      <c r="A7" s="56" t="s">
        <v>31</v>
      </c>
      <c r="B7" s="6">
        <v>677</v>
      </c>
      <c r="C7" s="6">
        <v>88</v>
      </c>
      <c r="D7" s="6">
        <v>0</v>
      </c>
      <c r="E7" s="4">
        <v>765</v>
      </c>
    </row>
    <row r="8" spans="1:14">
      <c r="A8" s="57"/>
      <c r="B8" s="5">
        <v>0.88500000000000001</v>
      </c>
      <c r="C8" s="5">
        <v>0.115</v>
      </c>
      <c r="D8" s="5">
        <v>0</v>
      </c>
      <c r="E8" s="5">
        <v>1</v>
      </c>
      <c r="K8" s="9"/>
      <c r="L8" s="9"/>
      <c r="M8" s="9"/>
      <c r="N8" s="9"/>
    </row>
    <row r="9" spans="1:14">
      <c r="A9" s="56" t="s">
        <v>32</v>
      </c>
      <c r="B9" s="6">
        <v>196</v>
      </c>
      <c r="C9" s="6">
        <v>42</v>
      </c>
      <c r="D9" s="6">
        <v>2</v>
      </c>
      <c r="E9" s="6">
        <v>240</v>
      </c>
    </row>
    <row r="10" spans="1:14">
      <c r="A10" s="57"/>
      <c r="B10" s="5">
        <v>0.81699999999999995</v>
      </c>
      <c r="C10" s="5">
        <v>0.17499999999999999</v>
      </c>
      <c r="D10" s="5">
        <v>8.0000000000000002E-3</v>
      </c>
      <c r="E10" s="5">
        <v>1</v>
      </c>
      <c r="K10" s="9"/>
      <c r="L10" s="9"/>
      <c r="M10" s="9"/>
      <c r="N10" s="9"/>
    </row>
    <row r="11" spans="1:14" ht="14.25" customHeight="1">
      <c r="A11" s="58" t="s">
        <v>38</v>
      </c>
      <c r="B11" s="6">
        <v>175</v>
      </c>
      <c r="C11" s="6">
        <v>23</v>
      </c>
      <c r="D11" s="6">
        <v>1</v>
      </c>
      <c r="E11" s="6">
        <v>199</v>
      </c>
    </row>
    <row r="12" spans="1:14">
      <c r="A12" s="59"/>
      <c r="B12" s="5">
        <v>0.879</v>
      </c>
      <c r="C12" s="5">
        <v>0.11600000000000001</v>
      </c>
      <c r="D12" s="5">
        <v>5.0000000000000001E-3</v>
      </c>
      <c r="E12" s="5">
        <v>1</v>
      </c>
      <c r="K12" s="9"/>
      <c r="L12" s="9"/>
      <c r="M12" s="9"/>
      <c r="N12" s="9"/>
    </row>
    <row r="13" spans="1:14">
      <c r="A13" s="56" t="s">
        <v>33</v>
      </c>
      <c r="B13" s="6">
        <v>238</v>
      </c>
      <c r="C13" s="6">
        <v>50</v>
      </c>
      <c r="D13" s="6">
        <v>1</v>
      </c>
      <c r="E13" s="6">
        <v>289</v>
      </c>
    </row>
    <row r="14" spans="1:14">
      <c r="A14" s="57"/>
      <c r="B14" s="5">
        <v>0.82399999999999995</v>
      </c>
      <c r="C14" s="5">
        <v>0.17299999999999999</v>
      </c>
      <c r="D14" s="5">
        <v>3.0000000000000001E-3</v>
      </c>
      <c r="E14" s="5">
        <v>1</v>
      </c>
      <c r="K14" s="9"/>
      <c r="L14" s="9"/>
      <c r="M14" s="9"/>
      <c r="N14" s="9"/>
    </row>
    <row r="15" spans="1:14">
      <c r="A15" s="56" t="s">
        <v>34</v>
      </c>
      <c r="B15" s="6">
        <v>208</v>
      </c>
      <c r="C15" s="6">
        <v>41</v>
      </c>
      <c r="D15" s="6">
        <v>3</v>
      </c>
      <c r="E15" s="6">
        <v>252</v>
      </c>
    </row>
    <row r="16" spans="1:14">
      <c r="A16" s="57"/>
      <c r="B16" s="5">
        <v>0.82499999999999996</v>
      </c>
      <c r="C16" s="5">
        <v>0.16300000000000001</v>
      </c>
      <c r="D16" s="5">
        <v>1.2E-2</v>
      </c>
      <c r="E16" s="5">
        <v>1</v>
      </c>
      <c r="K16" s="9"/>
      <c r="L16" s="9"/>
      <c r="M16" s="9"/>
      <c r="N16" s="9"/>
    </row>
    <row r="17" spans="1:14">
      <c r="A17" s="56" t="s">
        <v>35</v>
      </c>
      <c r="B17" s="6">
        <v>316</v>
      </c>
      <c r="C17" s="6">
        <v>56</v>
      </c>
      <c r="D17" s="6">
        <v>4</v>
      </c>
      <c r="E17" s="6">
        <v>376</v>
      </c>
    </row>
    <row r="18" spans="1:14">
      <c r="A18" s="57"/>
      <c r="B18" s="5">
        <v>0.84</v>
      </c>
      <c r="C18" s="5">
        <v>0.14899999999999999</v>
      </c>
      <c r="D18" s="5">
        <v>1.0999999999999999E-2</v>
      </c>
      <c r="E18" s="5">
        <v>1</v>
      </c>
      <c r="K18" s="9"/>
      <c r="L18" s="9"/>
      <c r="M18" s="9"/>
      <c r="N18" s="9"/>
    </row>
    <row r="19" spans="1:14">
      <c r="A19" s="56" t="s">
        <v>36</v>
      </c>
      <c r="B19" s="6">
        <v>133</v>
      </c>
      <c r="C19" s="6">
        <v>23</v>
      </c>
      <c r="D19" s="6">
        <v>2</v>
      </c>
      <c r="E19" s="6">
        <v>158</v>
      </c>
    </row>
    <row r="20" spans="1:14">
      <c r="A20" s="57"/>
      <c r="B20" s="5">
        <v>0.84199999999999997</v>
      </c>
      <c r="C20" s="5">
        <v>0.14599999999999999</v>
      </c>
      <c r="D20" s="5">
        <v>1.2999999999999999E-2</v>
      </c>
      <c r="E20" s="5">
        <v>1</v>
      </c>
      <c r="K20" s="9"/>
      <c r="L20" s="9"/>
      <c r="M20" s="9"/>
      <c r="N20" s="9"/>
    </row>
    <row r="21" spans="1:14">
      <c r="A21" s="56" t="s">
        <v>29</v>
      </c>
      <c r="B21" s="4">
        <v>3133</v>
      </c>
      <c r="C21" s="4">
        <v>530</v>
      </c>
      <c r="D21" s="4">
        <v>22</v>
      </c>
      <c r="E21" s="4">
        <v>3685</v>
      </c>
    </row>
    <row r="22" spans="1:14">
      <c r="A22" s="57"/>
      <c r="B22" s="5">
        <v>0.85</v>
      </c>
      <c r="C22" s="5">
        <v>0.14399999999999999</v>
      </c>
      <c r="D22" s="5">
        <v>6.0000000000000001E-3</v>
      </c>
      <c r="E22" s="5">
        <v>1</v>
      </c>
      <c r="K22" s="9"/>
      <c r="L22" s="9"/>
      <c r="M22" s="9"/>
      <c r="N22" s="9"/>
    </row>
    <row r="23" spans="1:14">
      <c r="A23" s="54" t="s">
        <v>37</v>
      </c>
      <c r="B23" s="54"/>
      <c r="C23" s="54"/>
      <c r="D23" s="54"/>
      <c r="E23" s="54"/>
    </row>
    <row r="24" spans="1:14">
      <c r="A24" s="55"/>
      <c r="B24" s="55"/>
      <c r="C24" s="55"/>
      <c r="D24" s="55"/>
      <c r="E24" s="55"/>
      <c r="K24" s="9"/>
      <c r="L24" s="9"/>
      <c r="M24" s="9"/>
      <c r="N24" s="9"/>
    </row>
  </sheetData>
  <mergeCells count="12">
    <mergeCell ref="B3:E3"/>
    <mergeCell ref="A23:E24"/>
    <mergeCell ref="A19:A20"/>
    <mergeCell ref="A21:A22"/>
    <mergeCell ref="A15:A16"/>
    <mergeCell ref="A17:A18"/>
    <mergeCell ref="A11:A12"/>
    <mergeCell ref="A13:A14"/>
    <mergeCell ref="A7:A8"/>
    <mergeCell ref="A9:A10"/>
    <mergeCell ref="A3:A4"/>
    <mergeCell ref="A5:A6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07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26</v>
      </c>
      <c r="B3" s="53" t="s">
        <v>128</v>
      </c>
      <c r="C3" s="53"/>
      <c r="D3" s="53"/>
      <c r="E3" s="53"/>
      <c r="F3" s="53"/>
      <c r="G3" s="2"/>
    </row>
    <row r="4" spans="1:15" ht="28.5">
      <c r="A4" s="60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15">
      <c r="A5" s="56" t="s">
        <v>30</v>
      </c>
      <c r="B5" s="4">
        <v>52</v>
      </c>
      <c r="C5" s="4">
        <v>1049</v>
      </c>
      <c r="D5" s="4">
        <v>303</v>
      </c>
      <c r="E5" s="4">
        <v>2</v>
      </c>
      <c r="F5" s="4">
        <v>1406</v>
      </c>
    </row>
    <row r="6" spans="1:15">
      <c r="A6" s="61"/>
      <c r="B6" s="5">
        <v>3.6999999999999998E-2</v>
      </c>
      <c r="C6" s="5">
        <v>0.746</v>
      </c>
      <c r="D6" s="5">
        <v>0.216</v>
      </c>
      <c r="E6" s="5">
        <v>1E-3</v>
      </c>
      <c r="F6" s="5">
        <v>1</v>
      </c>
    </row>
    <row r="7" spans="1:15">
      <c r="A7" s="56" t="s">
        <v>31</v>
      </c>
      <c r="B7" s="6">
        <v>42</v>
      </c>
      <c r="C7" s="6">
        <v>586</v>
      </c>
      <c r="D7" s="6">
        <v>137</v>
      </c>
      <c r="E7" s="6">
        <v>0</v>
      </c>
      <c r="F7" s="4">
        <v>765</v>
      </c>
      <c r="K7" s="9"/>
      <c r="L7" s="9"/>
      <c r="M7" s="9"/>
      <c r="N7" s="9"/>
      <c r="O7" s="9"/>
    </row>
    <row r="8" spans="1:15">
      <c r="A8" s="57"/>
      <c r="B8" s="5">
        <v>5.5E-2</v>
      </c>
      <c r="C8" s="5">
        <v>0.76600000000000001</v>
      </c>
      <c r="D8" s="5">
        <v>0.17899999999999999</v>
      </c>
      <c r="E8" s="5">
        <v>0</v>
      </c>
      <c r="F8" s="5">
        <v>1</v>
      </c>
    </row>
    <row r="9" spans="1:15">
      <c r="A9" s="56" t="s">
        <v>32</v>
      </c>
      <c r="B9" s="6">
        <v>9</v>
      </c>
      <c r="C9" s="6">
        <v>200</v>
      </c>
      <c r="D9" s="6">
        <v>30</v>
      </c>
      <c r="E9" s="6">
        <v>1</v>
      </c>
      <c r="F9" s="6">
        <v>240</v>
      </c>
      <c r="K9" s="9"/>
      <c r="L9" s="9"/>
      <c r="M9" s="9"/>
      <c r="N9" s="9"/>
      <c r="O9" s="9"/>
    </row>
    <row r="10" spans="1:15">
      <c r="A10" s="57"/>
      <c r="B10" s="5">
        <v>3.7999999999999999E-2</v>
      </c>
      <c r="C10" s="5">
        <v>0.83299999999999996</v>
      </c>
      <c r="D10" s="5">
        <v>0.125</v>
      </c>
      <c r="E10" s="5">
        <v>4.0000000000000001E-3</v>
      </c>
      <c r="F10" s="5">
        <v>1</v>
      </c>
    </row>
    <row r="11" spans="1:15" ht="14.25" customHeight="1">
      <c r="A11" s="58" t="s">
        <v>38</v>
      </c>
      <c r="B11" s="6">
        <v>16</v>
      </c>
      <c r="C11" s="6">
        <v>149</v>
      </c>
      <c r="D11" s="6">
        <v>32</v>
      </c>
      <c r="E11" s="6">
        <v>2</v>
      </c>
      <c r="F11" s="6">
        <v>199</v>
      </c>
      <c r="K11" s="9"/>
      <c r="L11" s="9"/>
      <c r="M11" s="9"/>
      <c r="N11" s="9"/>
      <c r="O11" s="9"/>
    </row>
    <row r="12" spans="1:15">
      <c r="A12" s="59"/>
      <c r="B12" s="5">
        <v>0.08</v>
      </c>
      <c r="C12" s="5">
        <v>0.749</v>
      </c>
      <c r="D12" s="5">
        <v>0.161</v>
      </c>
      <c r="E12" s="5">
        <v>0.01</v>
      </c>
      <c r="F12" s="5">
        <v>1</v>
      </c>
    </row>
    <row r="13" spans="1:15">
      <c r="A13" s="56" t="s">
        <v>33</v>
      </c>
      <c r="B13" s="6">
        <v>15</v>
      </c>
      <c r="C13" s="6">
        <v>229</v>
      </c>
      <c r="D13" s="6">
        <v>45</v>
      </c>
      <c r="E13" s="6">
        <v>0</v>
      </c>
      <c r="F13" s="6">
        <v>289</v>
      </c>
      <c r="K13" s="9"/>
      <c r="L13" s="9"/>
      <c r="M13" s="9"/>
      <c r="N13" s="9"/>
      <c r="O13" s="9"/>
    </row>
    <row r="14" spans="1:15">
      <c r="A14" s="57"/>
      <c r="B14" s="5">
        <v>5.1999999999999998E-2</v>
      </c>
      <c r="C14" s="5">
        <v>0.79200000000000004</v>
      </c>
      <c r="D14" s="5">
        <v>0.156</v>
      </c>
      <c r="E14" s="5">
        <v>0</v>
      </c>
      <c r="F14" s="5">
        <v>1</v>
      </c>
    </row>
    <row r="15" spans="1:15">
      <c r="A15" s="56" t="s">
        <v>34</v>
      </c>
      <c r="B15" s="6">
        <v>13</v>
      </c>
      <c r="C15" s="6">
        <v>191</v>
      </c>
      <c r="D15" s="6">
        <v>48</v>
      </c>
      <c r="E15" s="6">
        <v>0</v>
      </c>
      <c r="F15" s="6">
        <v>252</v>
      </c>
      <c r="K15" s="9"/>
      <c r="L15" s="9"/>
      <c r="M15" s="9"/>
      <c r="N15" s="9"/>
      <c r="O15" s="9"/>
    </row>
    <row r="16" spans="1:15">
      <c r="A16" s="57"/>
      <c r="B16" s="5">
        <v>5.1999999999999998E-2</v>
      </c>
      <c r="C16" s="5">
        <v>0.75800000000000001</v>
      </c>
      <c r="D16" s="5">
        <v>0.19</v>
      </c>
      <c r="E16" s="5">
        <v>0</v>
      </c>
      <c r="F16" s="5">
        <v>1</v>
      </c>
    </row>
    <row r="17" spans="1:15">
      <c r="A17" s="56" t="s">
        <v>35</v>
      </c>
      <c r="B17" s="6">
        <v>26</v>
      </c>
      <c r="C17" s="6">
        <v>303</v>
      </c>
      <c r="D17" s="6">
        <v>46</v>
      </c>
      <c r="E17" s="6">
        <v>1</v>
      </c>
      <c r="F17" s="6">
        <v>376</v>
      </c>
      <c r="K17" s="9"/>
      <c r="L17" s="9"/>
      <c r="M17" s="9"/>
      <c r="N17" s="9"/>
      <c r="O17" s="9"/>
    </row>
    <row r="18" spans="1:15">
      <c r="A18" s="57"/>
      <c r="B18" s="5">
        <v>6.9000000000000006E-2</v>
      </c>
      <c r="C18" s="5">
        <v>0.80600000000000005</v>
      </c>
      <c r="D18" s="5">
        <v>0.122</v>
      </c>
      <c r="E18" s="5">
        <v>3.0000000000000001E-3</v>
      </c>
      <c r="F18" s="5">
        <v>1</v>
      </c>
    </row>
    <row r="19" spans="1:15">
      <c r="A19" s="56" t="s">
        <v>36</v>
      </c>
      <c r="B19" s="6">
        <v>13</v>
      </c>
      <c r="C19" s="6">
        <v>114</v>
      </c>
      <c r="D19" s="6">
        <v>31</v>
      </c>
      <c r="E19" s="6">
        <v>0</v>
      </c>
      <c r="F19" s="6">
        <v>158</v>
      </c>
      <c r="K19" s="9"/>
      <c r="L19" s="9"/>
      <c r="M19" s="9"/>
      <c r="N19" s="9"/>
      <c r="O19" s="9"/>
    </row>
    <row r="20" spans="1:15">
      <c r="A20" s="57"/>
      <c r="B20" s="5">
        <v>8.2000000000000003E-2</v>
      </c>
      <c r="C20" s="5">
        <v>0.72199999999999998</v>
      </c>
      <c r="D20" s="5">
        <v>0.19600000000000001</v>
      </c>
      <c r="E20" s="5">
        <v>0</v>
      </c>
      <c r="F20" s="5">
        <v>1</v>
      </c>
    </row>
    <row r="21" spans="1:15">
      <c r="A21" s="56" t="s">
        <v>29</v>
      </c>
      <c r="B21" s="4">
        <v>186</v>
      </c>
      <c r="C21" s="4">
        <v>2821</v>
      </c>
      <c r="D21" s="4">
        <v>672</v>
      </c>
      <c r="E21" s="4">
        <v>6</v>
      </c>
      <c r="F21" s="4">
        <v>3685</v>
      </c>
      <c r="K21" s="9"/>
      <c r="L21" s="9"/>
      <c r="M21" s="9"/>
      <c r="N21" s="9"/>
      <c r="O21" s="9"/>
    </row>
    <row r="22" spans="1:15">
      <c r="A22" s="57"/>
      <c r="B22" s="5">
        <v>0.05</v>
      </c>
      <c r="C22" s="5">
        <v>0.76600000000000001</v>
      </c>
      <c r="D22" s="5">
        <v>0.182</v>
      </c>
      <c r="E22" s="5">
        <v>2E-3</v>
      </c>
      <c r="F22" s="5">
        <v>1</v>
      </c>
    </row>
    <row r="23" spans="1:15">
      <c r="A23" s="54" t="s">
        <v>129</v>
      </c>
      <c r="B23" s="54"/>
      <c r="C23" s="54"/>
      <c r="D23" s="54"/>
      <c r="E23" s="54"/>
      <c r="F23" s="54"/>
      <c r="K23" s="9"/>
      <c r="L23" s="9"/>
      <c r="M23" s="9"/>
      <c r="N23" s="9"/>
      <c r="O23" s="9"/>
    </row>
    <row r="24" spans="1:15">
      <c r="A24" s="55"/>
      <c r="B24" s="55"/>
      <c r="C24" s="55"/>
      <c r="D24" s="55"/>
      <c r="E24" s="55"/>
      <c r="F24" s="55"/>
    </row>
  </sheetData>
  <mergeCells count="12">
    <mergeCell ref="A23:F24"/>
    <mergeCell ref="A3:A4"/>
    <mergeCell ref="B3:F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2"/>
  <dimension ref="A1:G1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25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4</v>
      </c>
      <c r="B3" s="53" t="s">
        <v>519</v>
      </c>
      <c r="C3" s="53"/>
      <c r="D3" s="53"/>
      <c r="E3" s="53"/>
      <c r="F3" s="53"/>
      <c r="G3" s="2"/>
    </row>
    <row r="4" spans="1:7">
      <c r="A4" s="78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7">
      <c r="A5" s="56" t="s">
        <v>215</v>
      </c>
      <c r="B5" s="4">
        <v>1591</v>
      </c>
      <c r="C5" s="4">
        <v>1625</v>
      </c>
      <c r="D5" s="4">
        <v>256</v>
      </c>
      <c r="E5" s="4">
        <v>100</v>
      </c>
      <c r="F5" s="4">
        <v>3572</v>
      </c>
    </row>
    <row r="6" spans="1:7">
      <c r="A6" s="61"/>
      <c r="B6" s="5">
        <v>0.44500000000000001</v>
      </c>
      <c r="C6" s="5">
        <v>0.45500000000000002</v>
      </c>
      <c r="D6" s="5">
        <v>7.1999999999999995E-2</v>
      </c>
      <c r="E6" s="5">
        <v>2.8000000000000001E-2</v>
      </c>
      <c r="F6" s="5">
        <v>1</v>
      </c>
    </row>
    <row r="7" spans="1:7">
      <c r="A7" s="56" t="s">
        <v>29</v>
      </c>
      <c r="B7" s="4">
        <v>1591</v>
      </c>
      <c r="C7" s="4">
        <v>1625</v>
      </c>
      <c r="D7" s="4">
        <v>256</v>
      </c>
      <c r="E7" s="4">
        <v>100</v>
      </c>
      <c r="F7" s="4">
        <v>3572</v>
      </c>
    </row>
    <row r="8" spans="1:7">
      <c r="A8" s="57"/>
      <c r="B8" s="5">
        <v>0.44500000000000001</v>
      </c>
      <c r="C8" s="5">
        <v>0.45500000000000002</v>
      </c>
      <c r="D8" s="5">
        <v>7.1999999999999995E-2</v>
      </c>
      <c r="E8" s="5">
        <v>2.8000000000000001E-2</v>
      </c>
      <c r="F8" s="5">
        <v>1</v>
      </c>
    </row>
    <row r="9" spans="1:7">
      <c r="A9" s="54" t="s">
        <v>520</v>
      </c>
      <c r="B9" s="54"/>
      <c r="C9" s="54"/>
      <c r="D9" s="54"/>
      <c r="E9" s="54"/>
      <c r="F9" s="54"/>
    </row>
    <row r="10" spans="1:7">
      <c r="A10" s="55"/>
      <c r="B10" s="55"/>
      <c r="C10" s="55"/>
      <c r="D10" s="55"/>
      <c r="E10" s="55"/>
      <c r="F10" s="55"/>
    </row>
    <row r="11" spans="1:7" ht="14.25" customHeight="1"/>
    <row r="13" spans="1:7">
      <c r="C13" s="1" t="s">
        <v>62</v>
      </c>
    </row>
  </sheetData>
  <mergeCells count="5">
    <mergeCell ref="A7:A8"/>
    <mergeCell ref="A9:F10"/>
    <mergeCell ref="A3:A4"/>
    <mergeCell ref="B3:F3"/>
    <mergeCell ref="A5:A6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3"/>
  <dimension ref="A1:F19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26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4</v>
      </c>
      <c r="B3" s="53" t="s">
        <v>113</v>
      </c>
      <c r="C3" s="53"/>
      <c r="D3" s="53"/>
      <c r="E3" s="53"/>
      <c r="F3" s="2"/>
    </row>
    <row r="4" spans="1:6" ht="28.5">
      <c r="A4" s="78"/>
      <c r="B4" s="8" t="s">
        <v>151</v>
      </c>
      <c r="C4" s="8" t="s">
        <v>152</v>
      </c>
      <c r="D4" s="8" t="s">
        <v>42</v>
      </c>
      <c r="E4" s="8" t="s">
        <v>29</v>
      </c>
    </row>
    <row r="5" spans="1:6">
      <c r="A5" s="73" t="s">
        <v>215</v>
      </c>
      <c r="B5" s="4">
        <v>3541</v>
      </c>
      <c r="C5" s="4">
        <v>25</v>
      </c>
      <c r="D5" s="4">
        <v>6</v>
      </c>
      <c r="E5" s="4">
        <v>3572</v>
      </c>
    </row>
    <row r="6" spans="1:6">
      <c r="A6" s="77"/>
      <c r="B6" s="5">
        <v>0.99099999999999999</v>
      </c>
      <c r="C6" s="5">
        <v>7.0000000000000001E-3</v>
      </c>
      <c r="D6" s="5">
        <v>2E-3</v>
      </c>
      <c r="E6" s="5">
        <v>1</v>
      </c>
    </row>
    <row r="7" spans="1:6">
      <c r="A7" s="73" t="s">
        <v>147</v>
      </c>
      <c r="B7" s="6">
        <v>90</v>
      </c>
      <c r="C7" s="6">
        <v>12</v>
      </c>
      <c r="D7" s="6">
        <v>2</v>
      </c>
      <c r="E7" s="4">
        <v>104</v>
      </c>
    </row>
    <row r="8" spans="1:6">
      <c r="A8" s="74"/>
      <c r="B8" s="5">
        <v>0.86499999999999999</v>
      </c>
      <c r="C8" s="5">
        <v>0.115</v>
      </c>
      <c r="D8" s="5">
        <v>1.9E-2</v>
      </c>
      <c r="E8" s="5">
        <v>1</v>
      </c>
    </row>
    <row r="9" spans="1:6">
      <c r="A9" s="73" t="s">
        <v>148</v>
      </c>
      <c r="B9" s="6">
        <v>5</v>
      </c>
      <c r="C9" s="6">
        <v>2</v>
      </c>
      <c r="D9" s="6">
        <v>0</v>
      </c>
      <c r="E9" s="6">
        <v>7</v>
      </c>
    </row>
    <row r="10" spans="1:6">
      <c r="A10" s="74"/>
      <c r="B10" s="5">
        <v>0.71399999999999997</v>
      </c>
      <c r="C10" s="5">
        <v>0.28599999999999998</v>
      </c>
      <c r="D10" s="5">
        <v>0</v>
      </c>
      <c r="E10" s="5">
        <v>1</v>
      </c>
    </row>
    <row r="11" spans="1:6" ht="14.25" customHeight="1">
      <c r="A11" s="56" t="s">
        <v>171</v>
      </c>
      <c r="B11" s="6">
        <v>1</v>
      </c>
      <c r="C11" s="6">
        <v>0</v>
      </c>
      <c r="D11" s="6">
        <v>1</v>
      </c>
      <c r="E11" s="6">
        <v>2</v>
      </c>
    </row>
    <row r="12" spans="1:6">
      <c r="A12" s="57"/>
      <c r="B12" s="5">
        <v>0.5</v>
      </c>
      <c r="C12" s="5">
        <v>0</v>
      </c>
      <c r="D12" s="5">
        <v>0.5</v>
      </c>
      <c r="E12" s="5">
        <v>1</v>
      </c>
    </row>
    <row r="13" spans="1:6">
      <c r="A13" s="56" t="s">
        <v>29</v>
      </c>
      <c r="B13" s="4">
        <v>3637</v>
      </c>
      <c r="C13" s="4">
        <v>39</v>
      </c>
      <c r="D13" s="4">
        <v>9</v>
      </c>
      <c r="E13" s="4">
        <v>3685</v>
      </c>
    </row>
    <row r="14" spans="1:6">
      <c r="A14" s="57"/>
      <c r="B14" s="5">
        <v>0.98699999999999999</v>
      </c>
      <c r="C14" s="5">
        <v>1.0999999999999999E-2</v>
      </c>
      <c r="D14" s="5">
        <v>2E-3</v>
      </c>
      <c r="E14" s="5">
        <v>1</v>
      </c>
    </row>
    <row r="15" spans="1:6">
      <c r="A15" s="54" t="s">
        <v>106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  <row r="19" spans="3:3">
      <c r="C19" s="1" t="s">
        <v>213</v>
      </c>
    </row>
  </sheetData>
  <mergeCells count="8">
    <mergeCell ref="A11:A12"/>
    <mergeCell ref="A13:A14"/>
    <mergeCell ref="A15:E16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4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27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4</v>
      </c>
      <c r="B3" s="53" t="s">
        <v>114</v>
      </c>
      <c r="C3" s="53"/>
      <c r="D3" s="53"/>
      <c r="E3" s="53"/>
      <c r="F3" s="53"/>
      <c r="G3" s="2"/>
    </row>
    <row r="4" spans="1:7">
      <c r="A4" s="78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7">
      <c r="A5" s="73" t="s">
        <v>215</v>
      </c>
      <c r="B5" s="4">
        <v>641</v>
      </c>
      <c r="C5" s="4">
        <v>1162</v>
      </c>
      <c r="D5" s="4">
        <v>1742</v>
      </c>
      <c r="E5" s="4">
        <v>27</v>
      </c>
      <c r="F5" s="4">
        <v>3572</v>
      </c>
    </row>
    <row r="6" spans="1:7">
      <c r="A6" s="77"/>
      <c r="B6" s="5">
        <v>0.17899999999999999</v>
      </c>
      <c r="C6" s="5">
        <v>0.32500000000000001</v>
      </c>
      <c r="D6" s="5">
        <v>0.48799999999999999</v>
      </c>
      <c r="E6" s="5">
        <v>8.0000000000000002E-3</v>
      </c>
      <c r="F6" s="5">
        <v>1</v>
      </c>
    </row>
    <row r="7" spans="1:7">
      <c r="A7" s="73" t="s">
        <v>147</v>
      </c>
      <c r="B7" s="6">
        <v>28</v>
      </c>
      <c r="C7" s="6">
        <v>29</v>
      </c>
      <c r="D7" s="6">
        <v>44</v>
      </c>
      <c r="E7" s="6">
        <v>3</v>
      </c>
      <c r="F7" s="4">
        <v>104</v>
      </c>
    </row>
    <row r="8" spans="1:7">
      <c r="A8" s="74"/>
      <c r="B8" s="5">
        <v>0.26900000000000002</v>
      </c>
      <c r="C8" s="5">
        <v>0.27900000000000003</v>
      </c>
      <c r="D8" s="5">
        <v>0.42299999999999999</v>
      </c>
      <c r="E8" s="5">
        <v>2.9000000000000001E-2</v>
      </c>
      <c r="F8" s="5">
        <v>1</v>
      </c>
    </row>
    <row r="9" spans="1:7">
      <c r="A9" s="73" t="s">
        <v>148</v>
      </c>
      <c r="B9" s="6">
        <v>1</v>
      </c>
      <c r="C9" s="6">
        <v>1</v>
      </c>
      <c r="D9" s="6">
        <v>5</v>
      </c>
      <c r="E9" s="6">
        <v>0</v>
      </c>
      <c r="F9" s="6">
        <v>7</v>
      </c>
    </row>
    <row r="10" spans="1:7">
      <c r="A10" s="74"/>
      <c r="B10" s="5">
        <v>0.14299999999999999</v>
      </c>
      <c r="C10" s="5">
        <v>0.14299999999999999</v>
      </c>
      <c r="D10" s="5">
        <v>0.71399999999999997</v>
      </c>
      <c r="E10" s="5">
        <v>0</v>
      </c>
      <c r="F10" s="5">
        <v>1</v>
      </c>
    </row>
    <row r="11" spans="1:7" ht="14.25" customHeight="1">
      <c r="A11" s="56" t="s">
        <v>171</v>
      </c>
      <c r="B11" s="6">
        <v>0</v>
      </c>
      <c r="C11" s="6">
        <v>0</v>
      </c>
      <c r="D11" s="6">
        <v>1</v>
      </c>
      <c r="E11" s="6">
        <v>1</v>
      </c>
      <c r="F11" s="6">
        <v>2</v>
      </c>
    </row>
    <row r="12" spans="1:7">
      <c r="A12" s="57"/>
      <c r="B12" s="5">
        <v>0</v>
      </c>
      <c r="C12" s="5">
        <v>0</v>
      </c>
      <c r="D12" s="5">
        <v>0.5</v>
      </c>
      <c r="E12" s="5">
        <v>0.5</v>
      </c>
      <c r="F12" s="5">
        <v>1</v>
      </c>
    </row>
    <row r="13" spans="1:7">
      <c r="A13" s="56" t="s">
        <v>29</v>
      </c>
      <c r="B13" s="4">
        <v>670</v>
      </c>
      <c r="C13" s="4">
        <v>1192</v>
      </c>
      <c r="D13" s="4">
        <v>1792</v>
      </c>
      <c r="E13" s="4">
        <v>31</v>
      </c>
      <c r="F13" s="4">
        <v>3685</v>
      </c>
    </row>
    <row r="14" spans="1:7">
      <c r="A14" s="57"/>
      <c r="B14" s="5">
        <v>0.182</v>
      </c>
      <c r="C14" s="5">
        <v>0.32300000000000001</v>
      </c>
      <c r="D14" s="5">
        <v>0.48599999999999999</v>
      </c>
      <c r="E14" s="5">
        <v>8.0000000000000002E-3</v>
      </c>
      <c r="F14" s="5">
        <v>1</v>
      </c>
    </row>
    <row r="15" spans="1:7">
      <c r="A15" s="54" t="s">
        <v>115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1:A12"/>
    <mergeCell ref="A13:A14"/>
    <mergeCell ref="A15:F16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5"/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28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4</v>
      </c>
      <c r="B3" s="53" t="s">
        <v>11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8">
      <c r="A5" s="73" t="s">
        <v>215</v>
      </c>
      <c r="B5" s="4">
        <v>2795</v>
      </c>
      <c r="C5" s="4">
        <v>223</v>
      </c>
      <c r="D5" s="4">
        <v>424</v>
      </c>
      <c r="E5" s="4">
        <v>112</v>
      </c>
      <c r="F5" s="4">
        <v>18</v>
      </c>
      <c r="G5" s="4">
        <v>3572</v>
      </c>
    </row>
    <row r="6" spans="1:8">
      <c r="A6" s="77"/>
      <c r="B6" s="5">
        <v>0.78200000000000003</v>
      </c>
      <c r="C6" s="5">
        <v>6.2E-2</v>
      </c>
      <c r="D6" s="5">
        <v>0.11899999999999999</v>
      </c>
      <c r="E6" s="5">
        <v>3.1E-2</v>
      </c>
      <c r="F6" s="5">
        <v>5.0000000000000001E-3</v>
      </c>
      <c r="G6" s="5">
        <v>1</v>
      </c>
    </row>
    <row r="7" spans="1:8">
      <c r="A7" s="73" t="s">
        <v>147</v>
      </c>
      <c r="B7" s="6">
        <v>27</v>
      </c>
      <c r="C7" s="6">
        <v>44</v>
      </c>
      <c r="D7" s="6">
        <v>26</v>
      </c>
      <c r="E7" s="6">
        <v>7</v>
      </c>
      <c r="F7" s="6">
        <v>0</v>
      </c>
      <c r="G7" s="4">
        <v>104</v>
      </c>
    </row>
    <row r="8" spans="1:8">
      <c r="A8" s="74"/>
      <c r="B8" s="5">
        <v>0.26</v>
      </c>
      <c r="C8" s="5">
        <v>0.42299999999999999</v>
      </c>
      <c r="D8" s="5">
        <v>0.25</v>
      </c>
      <c r="E8" s="5">
        <v>6.7000000000000004E-2</v>
      </c>
      <c r="F8" s="5">
        <v>0</v>
      </c>
      <c r="G8" s="5">
        <v>1</v>
      </c>
    </row>
    <row r="9" spans="1:8">
      <c r="A9" s="73" t="s">
        <v>148</v>
      </c>
      <c r="B9" s="6">
        <v>2</v>
      </c>
      <c r="C9" s="6">
        <v>1</v>
      </c>
      <c r="D9" s="6">
        <v>3</v>
      </c>
      <c r="E9" s="6">
        <v>1</v>
      </c>
      <c r="F9" s="6">
        <v>0</v>
      </c>
      <c r="G9" s="6">
        <v>7</v>
      </c>
    </row>
    <row r="10" spans="1:8">
      <c r="A10" s="74"/>
      <c r="B10" s="5">
        <v>0.28599999999999998</v>
      </c>
      <c r="C10" s="5">
        <v>0.14299999999999999</v>
      </c>
      <c r="D10" s="5">
        <v>0.42899999999999999</v>
      </c>
      <c r="E10" s="5">
        <v>0.14299999999999999</v>
      </c>
      <c r="F10" s="5">
        <v>0</v>
      </c>
      <c r="G10" s="5">
        <v>1</v>
      </c>
    </row>
    <row r="11" spans="1:8" ht="14.25" customHeight="1">
      <c r="A11" s="56" t="s">
        <v>171</v>
      </c>
      <c r="B11" s="6">
        <v>1</v>
      </c>
      <c r="C11" s="6">
        <v>0</v>
      </c>
      <c r="D11" s="6">
        <v>0</v>
      </c>
      <c r="E11" s="6">
        <v>0</v>
      </c>
      <c r="F11" s="6">
        <v>1</v>
      </c>
      <c r="G11" s="6">
        <v>2</v>
      </c>
    </row>
    <row r="12" spans="1:8">
      <c r="A12" s="57"/>
      <c r="B12" s="5">
        <v>0.5</v>
      </c>
      <c r="C12" s="5">
        <v>0</v>
      </c>
      <c r="D12" s="5">
        <v>0</v>
      </c>
      <c r="E12" s="5">
        <v>0</v>
      </c>
      <c r="F12" s="5">
        <v>0.5</v>
      </c>
      <c r="G12" s="5">
        <v>1</v>
      </c>
    </row>
    <row r="13" spans="1:8">
      <c r="A13" s="56" t="s">
        <v>29</v>
      </c>
      <c r="B13" s="4">
        <v>2825</v>
      </c>
      <c r="C13" s="4">
        <v>268</v>
      </c>
      <c r="D13" s="4">
        <v>453</v>
      </c>
      <c r="E13" s="4">
        <v>120</v>
      </c>
      <c r="F13" s="4">
        <v>19</v>
      </c>
      <c r="G13" s="4">
        <v>3685</v>
      </c>
    </row>
    <row r="14" spans="1:8">
      <c r="A14" s="57"/>
      <c r="B14" s="5">
        <v>0.76700000000000002</v>
      </c>
      <c r="C14" s="5">
        <v>7.2999999999999995E-2</v>
      </c>
      <c r="D14" s="5">
        <v>0.123</v>
      </c>
      <c r="E14" s="5">
        <v>3.3000000000000002E-2</v>
      </c>
      <c r="F14" s="5">
        <v>5.0000000000000001E-3</v>
      </c>
      <c r="G14" s="5">
        <v>1</v>
      </c>
    </row>
    <row r="15" spans="1:8">
      <c r="A15" s="54" t="s">
        <v>119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1:A12"/>
    <mergeCell ref="A13:A14"/>
    <mergeCell ref="A15:G16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6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29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4</v>
      </c>
      <c r="B3" s="53" t="s">
        <v>117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7">
      <c r="A5" s="73" t="s">
        <v>215</v>
      </c>
      <c r="B5" s="4">
        <v>2005</v>
      </c>
      <c r="C5" s="4">
        <v>1428</v>
      </c>
      <c r="D5" s="4">
        <v>118</v>
      </c>
      <c r="E5" s="4">
        <v>21</v>
      </c>
      <c r="F5" s="4">
        <v>3572</v>
      </c>
    </row>
    <row r="6" spans="1:7">
      <c r="A6" s="77"/>
      <c r="B6" s="5">
        <v>0.56100000000000005</v>
      </c>
      <c r="C6" s="5">
        <v>0.4</v>
      </c>
      <c r="D6" s="5">
        <v>3.3000000000000002E-2</v>
      </c>
      <c r="E6" s="5">
        <v>6.0000000000000001E-3</v>
      </c>
      <c r="F6" s="5">
        <v>1</v>
      </c>
    </row>
    <row r="7" spans="1:7">
      <c r="A7" s="73" t="s">
        <v>147</v>
      </c>
      <c r="B7" s="6">
        <v>48</v>
      </c>
      <c r="C7" s="6">
        <v>51</v>
      </c>
      <c r="D7" s="6">
        <v>4</v>
      </c>
      <c r="E7" s="6">
        <v>1</v>
      </c>
      <c r="F7" s="4">
        <v>104</v>
      </c>
    </row>
    <row r="8" spans="1:7">
      <c r="A8" s="74"/>
      <c r="B8" s="5">
        <v>0.46200000000000002</v>
      </c>
      <c r="C8" s="5">
        <v>0.49</v>
      </c>
      <c r="D8" s="5">
        <v>3.7999999999999999E-2</v>
      </c>
      <c r="E8" s="5">
        <v>0.01</v>
      </c>
      <c r="F8" s="5">
        <v>1</v>
      </c>
    </row>
    <row r="9" spans="1:7">
      <c r="A9" s="73" t="s">
        <v>148</v>
      </c>
      <c r="B9" s="6">
        <v>3</v>
      </c>
      <c r="C9" s="6">
        <v>4</v>
      </c>
      <c r="D9" s="6">
        <v>0</v>
      </c>
      <c r="E9" s="6">
        <v>0</v>
      </c>
      <c r="F9" s="6">
        <v>7</v>
      </c>
    </row>
    <row r="10" spans="1:7">
      <c r="A10" s="74"/>
      <c r="B10" s="5">
        <v>0.42899999999999999</v>
      </c>
      <c r="C10" s="5">
        <v>0.57099999999999995</v>
      </c>
      <c r="D10" s="5">
        <v>0</v>
      </c>
      <c r="E10" s="5">
        <v>0</v>
      </c>
      <c r="F10" s="5">
        <v>1</v>
      </c>
    </row>
    <row r="11" spans="1:7" ht="14.25" customHeight="1">
      <c r="A11" s="56" t="s">
        <v>171</v>
      </c>
      <c r="B11" s="6">
        <v>1</v>
      </c>
      <c r="C11" s="6">
        <v>0</v>
      </c>
      <c r="D11" s="6">
        <v>0</v>
      </c>
      <c r="E11" s="6">
        <v>1</v>
      </c>
      <c r="F11" s="6">
        <v>2</v>
      </c>
    </row>
    <row r="12" spans="1:7">
      <c r="A12" s="57"/>
      <c r="B12" s="5">
        <v>0.5</v>
      </c>
      <c r="C12" s="5">
        <v>0</v>
      </c>
      <c r="D12" s="5">
        <v>0</v>
      </c>
      <c r="E12" s="5">
        <v>0.5</v>
      </c>
      <c r="F12" s="5">
        <v>1</v>
      </c>
    </row>
    <row r="13" spans="1:7">
      <c r="A13" s="56" t="s">
        <v>29</v>
      </c>
      <c r="B13" s="4">
        <v>2057</v>
      </c>
      <c r="C13" s="4">
        <v>1483</v>
      </c>
      <c r="D13" s="4">
        <v>122</v>
      </c>
      <c r="E13" s="4">
        <v>23</v>
      </c>
      <c r="F13" s="4">
        <v>3685</v>
      </c>
    </row>
    <row r="14" spans="1:7">
      <c r="A14" s="57"/>
      <c r="B14" s="5">
        <v>0.55800000000000005</v>
      </c>
      <c r="C14" s="5">
        <v>0.40200000000000002</v>
      </c>
      <c r="D14" s="5">
        <v>3.3000000000000002E-2</v>
      </c>
      <c r="E14" s="5">
        <v>6.0000000000000001E-3</v>
      </c>
      <c r="F14" s="5">
        <v>1</v>
      </c>
    </row>
    <row r="15" spans="1:7">
      <c r="A15" s="54" t="s">
        <v>118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1:A12"/>
    <mergeCell ref="A13:A14"/>
    <mergeCell ref="A15:F16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7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30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4</v>
      </c>
      <c r="B3" s="53" t="s">
        <v>120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15</v>
      </c>
      <c r="B5" s="4">
        <v>2264</v>
      </c>
      <c r="C5" s="4">
        <v>1299</v>
      </c>
      <c r="D5" s="4">
        <v>9</v>
      </c>
      <c r="E5" s="4">
        <v>3572</v>
      </c>
    </row>
    <row r="6" spans="1:6">
      <c r="A6" s="77"/>
      <c r="B6" s="5">
        <v>0.63400000000000001</v>
      </c>
      <c r="C6" s="5">
        <v>0.36399999999999999</v>
      </c>
      <c r="D6" s="5">
        <v>3.0000000000000001E-3</v>
      </c>
      <c r="E6" s="5">
        <v>1</v>
      </c>
    </row>
    <row r="7" spans="1:6">
      <c r="A7" s="73" t="s">
        <v>147</v>
      </c>
      <c r="B7" s="6">
        <v>48</v>
      </c>
      <c r="C7" s="6">
        <v>56</v>
      </c>
      <c r="D7" s="6">
        <v>0</v>
      </c>
      <c r="E7" s="4">
        <v>104</v>
      </c>
    </row>
    <row r="8" spans="1:6">
      <c r="A8" s="74"/>
      <c r="B8" s="5">
        <v>0.46200000000000002</v>
      </c>
      <c r="C8" s="5">
        <v>0.53800000000000003</v>
      </c>
      <c r="D8" s="5">
        <v>0</v>
      </c>
      <c r="E8" s="5">
        <v>1</v>
      </c>
    </row>
    <row r="9" spans="1:6">
      <c r="A9" s="73" t="s">
        <v>148</v>
      </c>
      <c r="B9" s="6">
        <v>3</v>
      </c>
      <c r="C9" s="6">
        <v>4</v>
      </c>
      <c r="D9" s="6">
        <v>0</v>
      </c>
      <c r="E9" s="6">
        <v>7</v>
      </c>
    </row>
    <row r="10" spans="1:6">
      <c r="A10" s="74"/>
      <c r="B10" s="5">
        <v>0.42899999999999999</v>
      </c>
      <c r="C10" s="5">
        <v>0.57099999999999995</v>
      </c>
      <c r="D10" s="5">
        <v>0</v>
      </c>
      <c r="E10" s="5">
        <v>1</v>
      </c>
    </row>
    <row r="11" spans="1:6" ht="14.25" customHeight="1">
      <c r="A11" s="56" t="s">
        <v>171</v>
      </c>
      <c r="B11" s="6">
        <v>1</v>
      </c>
      <c r="C11" s="6">
        <v>0</v>
      </c>
      <c r="D11" s="6">
        <v>1</v>
      </c>
      <c r="E11" s="6">
        <v>2</v>
      </c>
    </row>
    <row r="12" spans="1:6">
      <c r="A12" s="57"/>
      <c r="B12" s="5">
        <v>0.5</v>
      </c>
      <c r="C12" s="5">
        <v>0</v>
      </c>
      <c r="D12" s="5">
        <v>0.5</v>
      </c>
      <c r="E12" s="5">
        <v>1</v>
      </c>
    </row>
    <row r="13" spans="1:6">
      <c r="A13" s="56" t="s">
        <v>29</v>
      </c>
      <c r="B13" s="4">
        <v>2316</v>
      </c>
      <c r="C13" s="4">
        <v>1359</v>
      </c>
      <c r="D13" s="4">
        <v>10</v>
      </c>
      <c r="E13" s="4">
        <v>3685</v>
      </c>
    </row>
    <row r="14" spans="1:6">
      <c r="A14" s="57"/>
      <c r="B14" s="5">
        <v>0.628</v>
      </c>
      <c r="C14" s="5">
        <v>0.36899999999999999</v>
      </c>
      <c r="D14" s="5">
        <v>3.0000000000000001E-3</v>
      </c>
      <c r="E14" s="5">
        <v>1</v>
      </c>
    </row>
    <row r="15" spans="1:6">
      <c r="A15" s="54" t="s">
        <v>121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1:A12"/>
    <mergeCell ref="A13:A14"/>
    <mergeCell ref="A15:E16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731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57.75" customHeight="1">
      <c r="A3" s="78" t="s">
        <v>214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73" t="s">
        <v>215</v>
      </c>
      <c r="B5" s="4">
        <v>180</v>
      </c>
      <c r="C5" s="4">
        <v>2084</v>
      </c>
      <c r="D5" s="4">
        <v>1817</v>
      </c>
      <c r="E5" s="4">
        <v>447</v>
      </c>
      <c r="F5" s="4">
        <v>737</v>
      </c>
      <c r="G5" s="4">
        <v>1527</v>
      </c>
    </row>
    <row r="6" spans="1:7">
      <c r="A6" s="77"/>
      <c r="B6" s="5">
        <v>0.08</v>
      </c>
      <c r="C6" s="5">
        <v>0.92</v>
      </c>
      <c r="D6" s="5">
        <v>0.80300000000000005</v>
      </c>
      <c r="E6" s="5">
        <v>0.19700000000000001</v>
      </c>
      <c r="F6" s="5">
        <v>0.32600000000000001</v>
      </c>
      <c r="G6" s="5">
        <v>0.67400000000000004</v>
      </c>
    </row>
    <row r="7" spans="1:7">
      <c r="A7" s="73" t="s">
        <v>147</v>
      </c>
      <c r="B7" s="6">
        <v>3</v>
      </c>
      <c r="C7" s="6">
        <v>45</v>
      </c>
      <c r="D7" s="6">
        <v>34</v>
      </c>
      <c r="E7" s="6">
        <v>14</v>
      </c>
      <c r="F7" s="6">
        <v>19</v>
      </c>
      <c r="G7" s="6">
        <v>29</v>
      </c>
    </row>
    <row r="8" spans="1:7">
      <c r="A8" s="74"/>
      <c r="B8" s="5">
        <v>6.3E-2</v>
      </c>
      <c r="C8" s="5">
        <v>0.93799999999999994</v>
      </c>
      <c r="D8" s="5">
        <v>0.70799999999999996</v>
      </c>
      <c r="E8" s="5">
        <v>0.29199999999999998</v>
      </c>
      <c r="F8" s="5">
        <v>0.39600000000000002</v>
      </c>
      <c r="G8" s="5">
        <v>0.60399999999999998</v>
      </c>
    </row>
    <row r="9" spans="1:7">
      <c r="A9" s="73" t="s">
        <v>148</v>
      </c>
      <c r="B9" s="6">
        <v>0</v>
      </c>
      <c r="C9" s="6">
        <v>3</v>
      </c>
      <c r="D9" s="6">
        <v>3</v>
      </c>
      <c r="E9" s="6">
        <v>0</v>
      </c>
      <c r="F9" s="6">
        <v>1</v>
      </c>
      <c r="G9" s="6">
        <v>2</v>
      </c>
    </row>
    <row r="10" spans="1:7">
      <c r="A10" s="74"/>
      <c r="B10" s="5">
        <v>0</v>
      </c>
      <c r="C10" s="5">
        <v>1</v>
      </c>
      <c r="D10" s="5">
        <v>1</v>
      </c>
      <c r="E10" s="5">
        <v>0</v>
      </c>
      <c r="F10" s="5">
        <v>0.33300000000000002</v>
      </c>
      <c r="G10" s="5">
        <v>0.66700000000000004</v>
      </c>
    </row>
    <row r="11" spans="1:7">
      <c r="A11" s="56" t="s">
        <v>171</v>
      </c>
      <c r="B11" s="6">
        <v>0</v>
      </c>
      <c r="C11" s="6">
        <v>1</v>
      </c>
      <c r="D11" s="6">
        <v>1</v>
      </c>
      <c r="E11" s="6">
        <v>0</v>
      </c>
      <c r="F11" s="6">
        <v>0</v>
      </c>
      <c r="G11" s="6">
        <v>1</v>
      </c>
    </row>
    <row r="12" spans="1:7">
      <c r="A12" s="57"/>
      <c r="B12" s="5">
        <v>0</v>
      </c>
      <c r="C12" s="5">
        <v>1</v>
      </c>
      <c r="D12" s="5">
        <v>1</v>
      </c>
      <c r="E12" s="5">
        <v>0</v>
      </c>
      <c r="F12" s="5">
        <v>0</v>
      </c>
      <c r="G12" s="5">
        <v>1</v>
      </c>
    </row>
    <row r="13" spans="1:7">
      <c r="A13" s="56" t="s">
        <v>29</v>
      </c>
      <c r="B13" s="4">
        <v>183</v>
      </c>
      <c r="C13" s="4">
        <v>2133</v>
      </c>
      <c r="D13" s="4">
        <v>1855</v>
      </c>
      <c r="E13" s="4">
        <v>461</v>
      </c>
      <c r="F13" s="4">
        <v>757</v>
      </c>
      <c r="G13" s="4">
        <v>1559</v>
      </c>
    </row>
    <row r="14" spans="1:7">
      <c r="A14" s="57"/>
      <c r="B14" s="5">
        <v>7.9000000000000001E-2</v>
      </c>
      <c r="C14" s="5">
        <v>0.92100000000000004</v>
      </c>
      <c r="D14" s="5">
        <v>0.80100000000000005</v>
      </c>
      <c r="E14" s="5">
        <v>0.19900000000000001</v>
      </c>
      <c r="F14" s="5">
        <v>0.32700000000000001</v>
      </c>
      <c r="G14" s="5">
        <v>0.67300000000000004</v>
      </c>
    </row>
    <row r="16" spans="1:7" ht="30.75" customHeight="1">
      <c r="A16" s="78" t="s">
        <v>214</v>
      </c>
      <c r="B16" s="62" t="s">
        <v>243</v>
      </c>
      <c r="C16" s="63"/>
      <c r="D16" s="62" t="s">
        <v>244</v>
      </c>
      <c r="E16" s="63"/>
      <c r="F16" s="62" t="s">
        <v>245</v>
      </c>
      <c r="G16" s="64"/>
    </row>
    <row r="17" spans="1:7">
      <c r="A17" s="78"/>
      <c r="B17" s="8" t="s">
        <v>190</v>
      </c>
      <c r="C17" s="8" t="s">
        <v>191</v>
      </c>
      <c r="D17" s="8" t="s">
        <v>190</v>
      </c>
      <c r="E17" s="8" t="s">
        <v>191</v>
      </c>
      <c r="F17" s="8" t="s">
        <v>190</v>
      </c>
      <c r="G17" s="8" t="s">
        <v>191</v>
      </c>
    </row>
    <row r="18" spans="1:7">
      <c r="A18" s="73" t="s">
        <v>215</v>
      </c>
      <c r="B18" s="4">
        <v>1495</v>
      </c>
      <c r="C18" s="4">
        <v>769</v>
      </c>
      <c r="D18" s="4">
        <v>65</v>
      </c>
      <c r="E18" s="4">
        <v>2199</v>
      </c>
      <c r="F18" s="4">
        <v>85</v>
      </c>
      <c r="G18" s="4">
        <v>2179</v>
      </c>
    </row>
    <row r="19" spans="1:7">
      <c r="A19" s="77"/>
      <c r="B19" s="5">
        <v>0.66</v>
      </c>
      <c r="C19" s="5">
        <v>0.34</v>
      </c>
      <c r="D19" s="5">
        <v>2.9000000000000001E-2</v>
      </c>
      <c r="E19" s="5">
        <v>0.97099999999999997</v>
      </c>
      <c r="F19" s="5">
        <v>3.7999999999999999E-2</v>
      </c>
      <c r="G19" s="5">
        <v>0.96199999999999997</v>
      </c>
    </row>
    <row r="20" spans="1:7">
      <c r="A20" s="73" t="s">
        <v>147</v>
      </c>
      <c r="B20" s="6">
        <v>30</v>
      </c>
      <c r="C20" s="6">
        <v>18</v>
      </c>
      <c r="D20" s="4">
        <v>0</v>
      </c>
      <c r="E20" s="6">
        <v>48</v>
      </c>
      <c r="F20" s="6">
        <v>7</v>
      </c>
      <c r="G20" s="6">
        <v>41</v>
      </c>
    </row>
    <row r="21" spans="1:7">
      <c r="A21" s="74"/>
      <c r="B21" s="5">
        <v>0.625</v>
      </c>
      <c r="C21" s="5">
        <v>0.375</v>
      </c>
      <c r="D21" s="5">
        <v>0</v>
      </c>
      <c r="E21" s="5">
        <v>1</v>
      </c>
      <c r="F21" s="5">
        <v>0.14599999999999999</v>
      </c>
      <c r="G21" s="5">
        <v>0.85399999999999998</v>
      </c>
    </row>
    <row r="22" spans="1:7">
      <c r="A22" s="73" t="s">
        <v>148</v>
      </c>
      <c r="B22" s="6">
        <v>2</v>
      </c>
      <c r="C22" s="6">
        <v>1</v>
      </c>
      <c r="D22" s="6">
        <v>0</v>
      </c>
      <c r="E22" s="6">
        <v>3</v>
      </c>
      <c r="F22" s="6">
        <v>1</v>
      </c>
      <c r="G22" s="6">
        <v>2</v>
      </c>
    </row>
    <row r="23" spans="1:7">
      <c r="A23" s="74"/>
      <c r="B23" s="5">
        <v>0.66700000000000004</v>
      </c>
      <c r="C23" s="5">
        <v>0.33300000000000002</v>
      </c>
      <c r="D23" s="5">
        <v>0</v>
      </c>
      <c r="E23" s="5">
        <v>1</v>
      </c>
      <c r="F23" s="5">
        <v>0.33300000000000002</v>
      </c>
      <c r="G23" s="5">
        <v>0.66700000000000004</v>
      </c>
    </row>
    <row r="24" spans="1:7">
      <c r="A24" s="56" t="s">
        <v>171</v>
      </c>
      <c r="B24" s="6">
        <v>1</v>
      </c>
      <c r="C24" s="6">
        <v>0</v>
      </c>
      <c r="D24" s="6">
        <v>0</v>
      </c>
      <c r="E24" s="6">
        <v>1</v>
      </c>
      <c r="F24" s="6">
        <v>0</v>
      </c>
      <c r="G24" s="6">
        <v>1</v>
      </c>
    </row>
    <row r="25" spans="1:7">
      <c r="A25" s="57"/>
      <c r="B25" s="5">
        <v>1</v>
      </c>
      <c r="C25" s="5">
        <v>0</v>
      </c>
      <c r="D25" s="5">
        <v>0</v>
      </c>
      <c r="E25" s="5">
        <v>1</v>
      </c>
      <c r="F25" s="5">
        <v>0</v>
      </c>
      <c r="G25" s="5">
        <v>1</v>
      </c>
    </row>
    <row r="26" spans="1:7">
      <c r="A26" s="56" t="s">
        <v>29</v>
      </c>
      <c r="B26" s="4">
        <v>1528</v>
      </c>
      <c r="C26" s="4">
        <v>788</v>
      </c>
      <c r="D26" s="4">
        <v>65</v>
      </c>
      <c r="E26" s="4">
        <v>2251</v>
      </c>
      <c r="F26" s="4">
        <v>93</v>
      </c>
      <c r="G26" s="4">
        <v>2223</v>
      </c>
    </row>
    <row r="27" spans="1:7">
      <c r="A27" s="57"/>
      <c r="B27" s="5">
        <v>0.66</v>
      </c>
      <c r="C27" s="5">
        <v>0.34</v>
      </c>
      <c r="D27" s="5">
        <v>2.8000000000000001E-2</v>
      </c>
      <c r="E27" s="5">
        <v>0.97199999999999998</v>
      </c>
      <c r="F27" s="5">
        <v>0.04</v>
      </c>
      <c r="G27" s="5">
        <v>0.96</v>
      </c>
    </row>
    <row r="29" spans="1:7" ht="43.5" customHeight="1">
      <c r="A29" s="78" t="s">
        <v>214</v>
      </c>
      <c r="B29" s="62" t="s">
        <v>246</v>
      </c>
      <c r="C29" s="64"/>
      <c r="D29" s="62" t="s">
        <v>247</v>
      </c>
      <c r="E29" s="64"/>
      <c r="F29" s="62" t="s">
        <v>248</v>
      </c>
      <c r="G29" s="64"/>
    </row>
    <row r="30" spans="1:7">
      <c r="A30" s="78"/>
      <c r="B30" s="8" t="s">
        <v>190</v>
      </c>
      <c r="C30" s="8" t="s">
        <v>191</v>
      </c>
      <c r="D30" s="8" t="s">
        <v>190</v>
      </c>
      <c r="E30" s="8" t="s">
        <v>191</v>
      </c>
      <c r="F30" s="8" t="s">
        <v>190</v>
      </c>
      <c r="G30" s="8" t="s">
        <v>191</v>
      </c>
    </row>
    <row r="31" spans="1:7">
      <c r="A31" s="73" t="s">
        <v>215</v>
      </c>
      <c r="B31" s="4">
        <v>112</v>
      </c>
      <c r="C31" s="4">
        <v>2152</v>
      </c>
      <c r="D31" s="4">
        <v>6</v>
      </c>
      <c r="E31" s="4">
        <v>2258</v>
      </c>
      <c r="F31" s="4">
        <v>42</v>
      </c>
      <c r="G31" s="4">
        <v>2222</v>
      </c>
    </row>
    <row r="32" spans="1:7">
      <c r="A32" s="77"/>
      <c r="B32" s="5">
        <v>4.9000000000000002E-2</v>
      </c>
      <c r="C32" s="5">
        <v>0.95099999999999996</v>
      </c>
      <c r="D32" s="5">
        <v>3.0000000000000001E-3</v>
      </c>
      <c r="E32" s="5">
        <v>0.997</v>
      </c>
      <c r="F32" s="5">
        <v>1.9E-2</v>
      </c>
      <c r="G32" s="5">
        <v>0.98099999999999998</v>
      </c>
    </row>
    <row r="33" spans="1:7">
      <c r="A33" s="73" t="s">
        <v>147</v>
      </c>
      <c r="B33" s="6">
        <v>2</v>
      </c>
      <c r="C33" s="6">
        <v>46</v>
      </c>
      <c r="D33" s="6">
        <v>0</v>
      </c>
      <c r="E33" s="6">
        <v>48</v>
      </c>
      <c r="F33" s="6">
        <v>2</v>
      </c>
      <c r="G33" s="6">
        <v>46</v>
      </c>
    </row>
    <row r="34" spans="1:7">
      <c r="A34" s="74"/>
      <c r="B34" s="5">
        <v>4.2000000000000003E-2</v>
      </c>
      <c r="C34" s="5">
        <v>0.95799999999999996</v>
      </c>
      <c r="D34" s="5">
        <v>0</v>
      </c>
      <c r="E34" s="5">
        <v>1</v>
      </c>
      <c r="F34" s="5">
        <v>4.2000000000000003E-2</v>
      </c>
      <c r="G34" s="5">
        <v>0.95799999999999996</v>
      </c>
    </row>
    <row r="35" spans="1:7">
      <c r="A35" s="73" t="s">
        <v>148</v>
      </c>
      <c r="B35" s="6">
        <v>0</v>
      </c>
      <c r="C35" s="6">
        <v>3</v>
      </c>
      <c r="D35" s="6">
        <v>0</v>
      </c>
      <c r="E35" s="6">
        <v>3</v>
      </c>
      <c r="F35" s="6">
        <v>0</v>
      </c>
      <c r="G35" s="6">
        <v>3</v>
      </c>
    </row>
    <row r="36" spans="1:7">
      <c r="A36" s="74"/>
      <c r="B36" s="5">
        <v>0</v>
      </c>
      <c r="C36" s="5">
        <v>1</v>
      </c>
      <c r="D36" s="5">
        <v>0</v>
      </c>
      <c r="E36" s="5">
        <v>1</v>
      </c>
      <c r="F36" s="5">
        <v>0</v>
      </c>
      <c r="G36" s="5">
        <v>1</v>
      </c>
    </row>
    <row r="37" spans="1:7">
      <c r="A37" s="56" t="s">
        <v>171</v>
      </c>
      <c r="B37" s="6">
        <v>0</v>
      </c>
      <c r="C37" s="6">
        <v>1</v>
      </c>
      <c r="D37" s="6">
        <v>0</v>
      </c>
      <c r="E37" s="6">
        <v>1</v>
      </c>
      <c r="F37" s="6">
        <v>0</v>
      </c>
      <c r="G37" s="6">
        <v>1</v>
      </c>
    </row>
    <row r="38" spans="1:7">
      <c r="A38" s="57"/>
      <c r="B38" s="5">
        <v>0</v>
      </c>
      <c r="C38" s="5">
        <v>1</v>
      </c>
      <c r="D38" s="5">
        <v>0</v>
      </c>
      <c r="E38" s="5">
        <v>1</v>
      </c>
      <c r="F38" s="5">
        <v>0</v>
      </c>
      <c r="G38" s="5">
        <v>1</v>
      </c>
    </row>
    <row r="39" spans="1:7">
      <c r="A39" s="56" t="s">
        <v>29</v>
      </c>
      <c r="B39" s="4">
        <v>114</v>
      </c>
      <c r="C39" s="4">
        <v>2202</v>
      </c>
      <c r="D39" s="4">
        <v>6</v>
      </c>
      <c r="E39" s="4">
        <v>2310</v>
      </c>
      <c r="F39" s="4">
        <v>44</v>
      </c>
      <c r="G39" s="4">
        <v>2272</v>
      </c>
    </row>
    <row r="40" spans="1:7">
      <c r="A40" s="57"/>
      <c r="B40" s="5">
        <v>4.9000000000000002E-2</v>
      </c>
      <c r="C40" s="5">
        <v>0.95099999999999996</v>
      </c>
      <c r="D40" s="5">
        <v>3.0000000000000001E-3</v>
      </c>
      <c r="E40" s="5">
        <v>0.997</v>
      </c>
      <c r="F40" s="5">
        <v>1.9E-2</v>
      </c>
      <c r="G40" s="5">
        <v>0.98099999999999998</v>
      </c>
    </row>
    <row r="41" spans="1:7">
      <c r="A41" s="55" t="s">
        <v>631</v>
      </c>
      <c r="B41" s="55"/>
      <c r="C41" s="55"/>
      <c r="D41" s="55"/>
      <c r="E41" s="55"/>
      <c r="F41" s="55"/>
      <c r="G41" s="55"/>
    </row>
    <row r="42" spans="1:7">
      <c r="A42" s="55"/>
      <c r="B42" s="55"/>
      <c r="C42" s="55"/>
      <c r="D42" s="55"/>
      <c r="E42" s="55"/>
      <c r="F42" s="55"/>
      <c r="G42" s="55"/>
    </row>
  </sheetData>
  <mergeCells count="28">
    <mergeCell ref="B16:C16"/>
    <mergeCell ref="D16:E16"/>
    <mergeCell ref="F16:G16"/>
    <mergeCell ref="A3:A4"/>
    <mergeCell ref="B3:C3"/>
    <mergeCell ref="D3:E3"/>
    <mergeCell ref="F3:G3"/>
    <mergeCell ref="A18:A19"/>
    <mergeCell ref="A5:A6"/>
    <mergeCell ref="A7:A8"/>
    <mergeCell ref="A9:A10"/>
    <mergeCell ref="A11:A12"/>
    <mergeCell ref="A13:A14"/>
    <mergeCell ref="A16:A17"/>
    <mergeCell ref="A29:A30"/>
    <mergeCell ref="B29:C29"/>
    <mergeCell ref="D29:E29"/>
    <mergeCell ref="F29:G29"/>
    <mergeCell ref="A20:A21"/>
    <mergeCell ref="A22:A23"/>
    <mergeCell ref="A24:A25"/>
    <mergeCell ref="A26:A27"/>
    <mergeCell ref="A41:G42"/>
    <mergeCell ref="A31:A32"/>
    <mergeCell ref="A33:A34"/>
    <mergeCell ref="A35:A36"/>
    <mergeCell ref="A37:A38"/>
    <mergeCell ref="A39:A4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9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32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4</v>
      </c>
      <c r="B3" s="53" t="s">
        <v>122</v>
      </c>
      <c r="C3" s="53"/>
      <c r="D3" s="53"/>
      <c r="E3" s="53"/>
      <c r="F3" s="2"/>
    </row>
    <row r="4" spans="1:6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73" t="s">
        <v>215</v>
      </c>
      <c r="B5" s="4">
        <v>1987</v>
      </c>
      <c r="C5" s="4">
        <v>1571</v>
      </c>
      <c r="D5" s="4">
        <v>14</v>
      </c>
      <c r="E5" s="4">
        <v>3572</v>
      </c>
    </row>
    <row r="6" spans="1:6">
      <c r="A6" s="77"/>
      <c r="B6" s="5">
        <v>0.55600000000000005</v>
      </c>
      <c r="C6" s="5">
        <v>0.44</v>
      </c>
      <c r="D6" s="5">
        <v>4.0000000000000001E-3</v>
      </c>
      <c r="E6" s="5">
        <v>1</v>
      </c>
    </row>
    <row r="7" spans="1:6">
      <c r="A7" s="73" t="s">
        <v>147</v>
      </c>
      <c r="B7" s="6">
        <v>40</v>
      </c>
      <c r="C7" s="6">
        <v>64</v>
      </c>
      <c r="D7" s="6">
        <v>0</v>
      </c>
      <c r="E7" s="4">
        <v>104</v>
      </c>
    </row>
    <row r="8" spans="1:6">
      <c r="A8" s="74"/>
      <c r="B8" s="5">
        <v>0.38500000000000001</v>
      </c>
      <c r="C8" s="5">
        <v>0.61499999999999999</v>
      </c>
      <c r="D8" s="5">
        <v>0</v>
      </c>
      <c r="E8" s="5">
        <v>1</v>
      </c>
    </row>
    <row r="9" spans="1:6">
      <c r="A9" s="73" t="s">
        <v>148</v>
      </c>
      <c r="B9" s="6">
        <v>3</v>
      </c>
      <c r="C9" s="6">
        <v>4</v>
      </c>
      <c r="D9" s="6">
        <v>0</v>
      </c>
      <c r="E9" s="6">
        <v>7</v>
      </c>
    </row>
    <row r="10" spans="1:6">
      <c r="A10" s="74"/>
      <c r="B10" s="5">
        <v>0.42899999999999999</v>
      </c>
      <c r="C10" s="5">
        <v>0.57099999999999995</v>
      </c>
      <c r="D10" s="5">
        <v>0</v>
      </c>
      <c r="E10" s="5">
        <v>1</v>
      </c>
    </row>
    <row r="11" spans="1:6" ht="14.25" customHeight="1">
      <c r="A11" s="56" t="s">
        <v>171</v>
      </c>
      <c r="B11" s="6">
        <v>0</v>
      </c>
      <c r="C11" s="6">
        <v>1</v>
      </c>
      <c r="D11" s="6">
        <v>1</v>
      </c>
      <c r="E11" s="6">
        <v>2</v>
      </c>
    </row>
    <row r="12" spans="1:6">
      <c r="A12" s="57"/>
      <c r="B12" s="5">
        <v>0</v>
      </c>
      <c r="C12" s="5">
        <v>0.5</v>
      </c>
      <c r="D12" s="5">
        <v>0.5</v>
      </c>
      <c r="E12" s="5">
        <v>1</v>
      </c>
    </row>
    <row r="13" spans="1:6">
      <c r="A13" s="56" t="s">
        <v>29</v>
      </c>
      <c r="B13" s="4">
        <v>2030</v>
      </c>
      <c r="C13" s="4">
        <v>1640</v>
      </c>
      <c r="D13" s="4">
        <v>15</v>
      </c>
      <c r="E13" s="4">
        <v>3685</v>
      </c>
    </row>
    <row r="14" spans="1:6">
      <c r="A14" s="57"/>
      <c r="B14" s="5">
        <v>0.55100000000000005</v>
      </c>
      <c r="C14" s="5">
        <v>0.44500000000000001</v>
      </c>
      <c r="D14" s="5">
        <v>4.0000000000000001E-3</v>
      </c>
      <c r="E14" s="5">
        <v>1</v>
      </c>
    </row>
    <row r="15" spans="1:6">
      <c r="A15" s="54" t="s">
        <v>123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1:A12"/>
    <mergeCell ref="A13:A14"/>
    <mergeCell ref="A15:E16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0"/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33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4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15</v>
      </c>
      <c r="B5" s="4">
        <v>1416</v>
      </c>
      <c r="C5" s="4">
        <v>450</v>
      </c>
      <c r="D5" s="4">
        <v>121</v>
      </c>
      <c r="E5" s="4">
        <v>1987</v>
      </c>
    </row>
    <row r="6" spans="1:6">
      <c r="A6" s="77"/>
      <c r="B6" s="5">
        <v>0.71299999999999997</v>
      </c>
      <c r="C6" s="5">
        <v>0.22600000000000001</v>
      </c>
      <c r="D6" s="5">
        <v>6.0999999999999999E-2</v>
      </c>
      <c r="E6" s="5">
        <v>1</v>
      </c>
    </row>
    <row r="7" spans="1:6">
      <c r="A7" s="73" t="s">
        <v>147</v>
      </c>
      <c r="B7" s="6">
        <v>25</v>
      </c>
      <c r="C7" s="6">
        <v>11</v>
      </c>
      <c r="D7" s="6">
        <v>4</v>
      </c>
      <c r="E7" s="4">
        <v>40</v>
      </c>
    </row>
    <row r="8" spans="1:6">
      <c r="A8" s="74"/>
      <c r="B8" s="5">
        <v>0.625</v>
      </c>
      <c r="C8" s="5">
        <v>0.27500000000000002</v>
      </c>
      <c r="D8" s="5">
        <v>0.1</v>
      </c>
      <c r="E8" s="5">
        <v>1</v>
      </c>
    </row>
    <row r="9" spans="1:6">
      <c r="A9" s="73" t="s">
        <v>148</v>
      </c>
      <c r="B9" s="6">
        <v>3</v>
      </c>
      <c r="C9" s="6">
        <v>0</v>
      </c>
      <c r="D9" s="6">
        <v>0</v>
      </c>
      <c r="E9" s="6">
        <v>3</v>
      </c>
    </row>
    <row r="10" spans="1:6">
      <c r="A10" s="74"/>
      <c r="B10" s="5">
        <v>1</v>
      </c>
      <c r="C10" s="5">
        <v>0</v>
      </c>
      <c r="D10" s="5">
        <v>0</v>
      </c>
      <c r="E10" s="5">
        <v>1</v>
      </c>
    </row>
    <row r="11" spans="1:6">
      <c r="A11" s="56" t="s">
        <v>29</v>
      </c>
      <c r="B11" s="4">
        <v>1444</v>
      </c>
      <c r="C11" s="4">
        <v>461</v>
      </c>
      <c r="D11" s="4">
        <v>125</v>
      </c>
      <c r="E11" s="4">
        <v>2030</v>
      </c>
    </row>
    <row r="12" spans="1:6">
      <c r="A12" s="57"/>
      <c r="B12" s="5">
        <v>0.71099999999999997</v>
      </c>
      <c r="C12" s="5">
        <v>0.22700000000000001</v>
      </c>
      <c r="D12" s="5">
        <v>6.2E-2</v>
      </c>
      <c r="E12" s="5">
        <v>1</v>
      </c>
    </row>
    <row r="13" spans="1:6">
      <c r="A13" s="54" t="s">
        <v>125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1:A12"/>
    <mergeCell ref="A13:E14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1"/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34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60" t="s">
        <v>214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60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56" t="s">
        <v>215</v>
      </c>
      <c r="B5" s="4">
        <v>574</v>
      </c>
      <c r="C5" s="4">
        <v>1218</v>
      </c>
      <c r="D5" s="4">
        <v>1052</v>
      </c>
      <c r="E5" s="4">
        <v>616</v>
      </c>
      <c r="F5" s="4">
        <v>112</v>
      </c>
      <c r="G5" s="4">
        <v>3572</v>
      </c>
    </row>
    <row r="6" spans="1:8">
      <c r="A6" s="61"/>
      <c r="B6" s="5">
        <v>0.161</v>
      </c>
      <c r="C6" s="5">
        <v>0.34100000000000003</v>
      </c>
      <c r="D6" s="5">
        <v>0.29499999999999998</v>
      </c>
      <c r="E6" s="5">
        <v>0.17199999999999999</v>
      </c>
      <c r="F6" s="5">
        <v>3.1E-2</v>
      </c>
      <c r="G6" s="5">
        <v>1</v>
      </c>
    </row>
    <row r="7" spans="1:8">
      <c r="A7" s="56" t="s">
        <v>147</v>
      </c>
      <c r="B7" s="6">
        <v>19</v>
      </c>
      <c r="C7" s="6">
        <v>38</v>
      </c>
      <c r="D7" s="6">
        <v>25</v>
      </c>
      <c r="E7" s="6">
        <v>12</v>
      </c>
      <c r="F7" s="6">
        <v>10</v>
      </c>
      <c r="G7" s="4">
        <v>104</v>
      </c>
    </row>
    <row r="8" spans="1:8">
      <c r="A8" s="57"/>
      <c r="B8" s="5">
        <v>0.183</v>
      </c>
      <c r="C8" s="5">
        <v>0.36499999999999999</v>
      </c>
      <c r="D8" s="5">
        <v>0.24</v>
      </c>
      <c r="E8" s="5">
        <v>0.115</v>
      </c>
      <c r="F8" s="5">
        <v>9.6000000000000002E-2</v>
      </c>
      <c r="G8" s="5">
        <v>1</v>
      </c>
    </row>
    <row r="9" spans="1:8">
      <c r="A9" s="56" t="s">
        <v>148</v>
      </c>
      <c r="B9" s="6">
        <v>1</v>
      </c>
      <c r="C9" s="6">
        <v>2</v>
      </c>
      <c r="D9" s="6">
        <v>1</v>
      </c>
      <c r="E9" s="6">
        <v>3</v>
      </c>
      <c r="F9" s="6">
        <v>0</v>
      </c>
      <c r="G9" s="6">
        <v>7</v>
      </c>
    </row>
    <row r="10" spans="1:8">
      <c r="A10" s="57"/>
      <c r="B10" s="5">
        <v>0.14299999999999999</v>
      </c>
      <c r="C10" s="5">
        <v>0.28599999999999998</v>
      </c>
      <c r="D10" s="5">
        <v>0.14299999999999999</v>
      </c>
      <c r="E10" s="5">
        <v>0.42899999999999999</v>
      </c>
      <c r="F10" s="5">
        <v>0</v>
      </c>
      <c r="G10" s="5">
        <v>1</v>
      </c>
    </row>
    <row r="11" spans="1:8" ht="14.25" customHeight="1">
      <c r="A11" s="56" t="s">
        <v>171</v>
      </c>
      <c r="B11" s="6">
        <v>0</v>
      </c>
      <c r="C11" s="6">
        <v>1</v>
      </c>
      <c r="D11" s="6">
        <v>0</v>
      </c>
      <c r="E11" s="6">
        <v>0</v>
      </c>
      <c r="F11" s="6">
        <v>1</v>
      </c>
      <c r="G11" s="6">
        <v>2</v>
      </c>
    </row>
    <row r="12" spans="1:8">
      <c r="A12" s="57"/>
      <c r="B12" s="5">
        <v>0</v>
      </c>
      <c r="C12" s="5">
        <v>0.5</v>
      </c>
      <c r="D12" s="5">
        <v>0</v>
      </c>
      <c r="E12" s="5">
        <v>0</v>
      </c>
      <c r="F12" s="5">
        <v>0.5</v>
      </c>
      <c r="G12" s="5">
        <v>1</v>
      </c>
    </row>
    <row r="13" spans="1:8">
      <c r="A13" s="56" t="s">
        <v>29</v>
      </c>
      <c r="B13" s="4">
        <v>594</v>
      </c>
      <c r="C13" s="4">
        <v>1259</v>
      </c>
      <c r="D13" s="4">
        <v>1078</v>
      </c>
      <c r="E13" s="4">
        <v>631</v>
      </c>
      <c r="F13" s="4">
        <v>123</v>
      </c>
      <c r="G13" s="4">
        <v>3685</v>
      </c>
    </row>
    <row r="14" spans="1:8">
      <c r="A14" s="57"/>
      <c r="B14" s="5">
        <v>0.161</v>
      </c>
      <c r="C14" s="5">
        <v>0.34200000000000003</v>
      </c>
      <c r="D14" s="5">
        <v>0.29299999999999998</v>
      </c>
      <c r="E14" s="5">
        <v>0.17100000000000001</v>
      </c>
      <c r="F14" s="5">
        <v>3.3000000000000002E-2</v>
      </c>
      <c r="G14" s="5">
        <v>1</v>
      </c>
    </row>
    <row r="15" spans="1:8">
      <c r="A15" s="54" t="s">
        <v>127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1:A12"/>
    <mergeCell ref="A13:A14"/>
    <mergeCell ref="A15:G16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/>
  <dimension ref="A1:Q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7">
      <c r="A1" s="1" t="s">
        <v>508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26</v>
      </c>
      <c r="B3" s="53" t="s">
        <v>130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17">
      <c r="A5" s="56" t="s">
        <v>30</v>
      </c>
      <c r="B5" s="4">
        <v>34</v>
      </c>
      <c r="C5" s="4">
        <v>12</v>
      </c>
      <c r="D5" s="4">
        <v>3</v>
      </c>
      <c r="E5" s="4">
        <v>2</v>
      </c>
      <c r="F5" s="4">
        <v>1</v>
      </c>
      <c r="G5" s="4">
        <v>52</v>
      </c>
    </row>
    <row r="6" spans="1:17">
      <c r="A6" s="61"/>
      <c r="B6" s="5">
        <v>0.65400000000000003</v>
      </c>
      <c r="C6" s="5">
        <v>0.23100000000000001</v>
      </c>
      <c r="D6" s="5">
        <v>5.8000000000000003E-2</v>
      </c>
      <c r="E6" s="5">
        <v>3.7999999999999999E-2</v>
      </c>
      <c r="F6" s="5">
        <v>1.9E-2</v>
      </c>
      <c r="G6" s="5">
        <v>1</v>
      </c>
    </row>
    <row r="7" spans="1:17">
      <c r="A7" s="56" t="s">
        <v>31</v>
      </c>
      <c r="B7" s="6">
        <v>32</v>
      </c>
      <c r="C7" s="6">
        <v>6</v>
      </c>
      <c r="D7" s="6">
        <v>0</v>
      </c>
      <c r="E7" s="6">
        <v>4</v>
      </c>
      <c r="F7" s="6">
        <v>0</v>
      </c>
      <c r="G7" s="4">
        <v>42</v>
      </c>
      <c r="L7" s="9"/>
      <c r="M7" s="9"/>
      <c r="N7" s="9"/>
      <c r="O7" s="9"/>
      <c r="P7" s="9"/>
      <c r="Q7" s="9"/>
    </row>
    <row r="8" spans="1:17">
      <c r="A8" s="57"/>
      <c r="B8" s="5">
        <v>0.76200000000000001</v>
      </c>
      <c r="C8" s="5">
        <v>0.14299999999999999</v>
      </c>
      <c r="D8" s="5">
        <v>0</v>
      </c>
      <c r="E8" s="5">
        <v>9.5000000000000001E-2</v>
      </c>
      <c r="F8" s="5">
        <v>0</v>
      </c>
      <c r="G8" s="5">
        <v>1</v>
      </c>
    </row>
    <row r="9" spans="1:17">
      <c r="A9" s="56" t="s">
        <v>32</v>
      </c>
      <c r="B9" s="6">
        <v>7</v>
      </c>
      <c r="C9" s="6">
        <v>1</v>
      </c>
      <c r="D9" s="6">
        <v>0</v>
      </c>
      <c r="E9" s="6">
        <v>0</v>
      </c>
      <c r="F9" s="6">
        <v>1</v>
      </c>
      <c r="G9" s="6">
        <v>9</v>
      </c>
      <c r="L9" s="9"/>
      <c r="M9" s="9"/>
      <c r="N9" s="9"/>
      <c r="O9" s="9"/>
      <c r="P9" s="9"/>
      <c r="Q9" s="9"/>
    </row>
    <row r="10" spans="1:17">
      <c r="A10" s="57"/>
      <c r="B10" s="5">
        <v>0.77800000000000002</v>
      </c>
      <c r="C10" s="5">
        <v>0.111</v>
      </c>
      <c r="D10" s="5">
        <v>0</v>
      </c>
      <c r="E10" s="5">
        <v>0</v>
      </c>
      <c r="F10" s="5">
        <v>0.111</v>
      </c>
      <c r="G10" s="5">
        <v>1</v>
      </c>
    </row>
    <row r="11" spans="1:17" ht="14.25" customHeight="1">
      <c r="A11" s="58" t="s">
        <v>38</v>
      </c>
      <c r="B11" s="6">
        <v>8</v>
      </c>
      <c r="C11" s="6">
        <v>3</v>
      </c>
      <c r="D11" s="6">
        <v>1</v>
      </c>
      <c r="E11" s="6">
        <v>3</v>
      </c>
      <c r="F11" s="6">
        <v>1</v>
      </c>
      <c r="G11" s="6">
        <v>16</v>
      </c>
      <c r="L11" s="9"/>
      <c r="M11" s="9"/>
      <c r="N11" s="9"/>
      <c r="O11" s="9"/>
      <c r="P11" s="9"/>
      <c r="Q11" s="9"/>
    </row>
    <row r="12" spans="1:17">
      <c r="A12" s="59"/>
      <c r="B12" s="5">
        <v>0.5</v>
      </c>
      <c r="C12" s="5">
        <v>0.188</v>
      </c>
      <c r="D12" s="5">
        <v>6.3E-2</v>
      </c>
      <c r="E12" s="5">
        <v>0.188</v>
      </c>
      <c r="F12" s="5">
        <v>6.3E-2</v>
      </c>
      <c r="G12" s="5">
        <v>1</v>
      </c>
    </row>
    <row r="13" spans="1:17">
      <c r="A13" s="56" t="s">
        <v>33</v>
      </c>
      <c r="B13" s="6">
        <v>10</v>
      </c>
      <c r="C13" s="6">
        <v>3</v>
      </c>
      <c r="D13" s="6">
        <v>0</v>
      </c>
      <c r="E13" s="6">
        <v>0</v>
      </c>
      <c r="F13" s="6">
        <v>2</v>
      </c>
      <c r="G13" s="6">
        <v>15</v>
      </c>
      <c r="L13" s="9"/>
      <c r="M13" s="9"/>
      <c r="N13" s="9"/>
      <c r="O13" s="9"/>
      <c r="P13" s="9"/>
      <c r="Q13" s="9"/>
    </row>
    <row r="14" spans="1:17">
      <c r="A14" s="57"/>
      <c r="B14" s="5">
        <v>0.66700000000000004</v>
      </c>
      <c r="C14" s="5">
        <v>0.2</v>
      </c>
      <c r="D14" s="5">
        <v>0</v>
      </c>
      <c r="E14" s="5">
        <v>0</v>
      </c>
      <c r="F14" s="5">
        <v>0.13300000000000001</v>
      </c>
      <c r="G14" s="5">
        <v>1</v>
      </c>
    </row>
    <row r="15" spans="1:17">
      <c r="A15" s="56" t="s">
        <v>34</v>
      </c>
      <c r="B15" s="6">
        <v>6</v>
      </c>
      <c r="C15" s="6">
        <v>4</v>
      </c>
      <c r="D15" s="6">
        <v>2</v>
      </c>
      <c r="E15" s="6">
        <v>0</v>
      </c>
      <c r="F15" s="6">
        <v>1</v>
      </c>
      <c r="G15" s="6">
        <v>13</v>
      </c>
      <c r="L15" s="9"/>
      <c r="M15" s="9"/>
      <c r="N15" s="9"/>
      <c r="O15" s="9"/>
      <c r="P15" s="9"/>
      <c r="Q15" s="9"/>
    </row>
    <row r="16" spans="1:17">
      <c r="A16" s="57"/>
      <c r="B16" s="5">
        <v>0.46200000000000002</v>
      </c>
      <c r="C16" s="5">
        <v>0.308</v>
      </c>
      <c r="D16" s="5">
        <v>0.154</v>
      </c>
      <c r="E16" s="5">
        <v>0</v>
      </c>
      <c r="F16" s="5">
        <v>7.6999999999999999E-2</v>
      </c>
      <c r="G16" s="5">
        <v>1</v>
      </c>
    </row>
    <row r="17" spans="1:17">
      <c r="A17" s="56" t="s">
        <v>35</v>
      </c>
      <c r="B17" s="6">
        <v>15</v>
      </c>
      <c r="C17" s="6">
        <v>6</v>
      </c>
      <c r="D17" s="6">
        <v>2</v>
      </c>
      <c r="E17" s="6">
        <v>2</v>
      </c>
      <c r="F17" s="6">
        <v>1</v>
      </c>
      <c r="G17" s="6">
        <v>26</v>
      </c>
      <c r="L17" s="9"/>
      <c r="M17" s="9"/>
      <c r="N17" s="9"/>
      <c r="O17" s="9"/>
      <c r="P17" s="9"/>
      <c r="Q17" s="9"/>
    </row>
    <row r="18" spans="1:17">
      <c r="A18" s="57"/>
      <c r="B18" s="5">
        <v>0.57699999999999996</v>
      </c>
      <c r="C18" s="5">
        <v>0.23100000000000001</v>
      </c>
      <c r="D18" s="5">
        <v>7.6999999999999999E-2</v>
      </c>
      <c r="E18" s="5">
        <v>7.6999999999999999E-2</v>
      </c>
      <c r="F18" s="5">
        <v>3.7999999999999999E-2</v>
      </c>
      <c r="G18" s="5">
        <v>1</v>
      </c>
    </row>
    <row r="19" spans="1:17">
      <c r="A19" s="56" t="s">
        <v>36</v>
      </c>
      <c r="B19" s="6">
        <v>8</v>
      </c>
      <c r="C19" s="6">
        <v>2</v>
      </c>
      <c r="D19" s="6">
        <v>2</v>
      </c>
      <c r="E19" s="6">
        <v>1</v>
      </c>
      <c r="F19" s="6">
        <v>0</v>
      </c>
      <c r="G19" s="6">
        <v>13</v>
      </c>
      <c r="L19" s="9"/>
      <c r="M19" s="9"/>
      <c r="N19" s="9"/>
      <c r="O19" s="9"/>
      <c r="P19" s="9"/>
      <c r="Q19" s="9"/>
    </row>
    <row r="20" spans="1:17">
      <c r="A20" s="57"/>
      <c r="B20" s="5">
        <v>0.61499999999999999</v>
      </c>
      <c r="C20" s="5">
        <v>0.154</v>
      </c>
      <c r="D20" s="5">
        <v>0.154</v>
      </c>
      <c r="E20" s="5">
        <v>7.6999999999999999E-2</v>
      </c>
      <c r="F20" s="5">
        <v>0</v>
      </c>
      <c r="G20" s="5">
        <v>1</v>
      </c>
    </row>
    <row r="21" spans="1:17">
      <c r="A21" s="56" t="s">
        <v>29</v>
      </c>
      <c r="B21" s="4">
        <v>120</v>
      </c>
      <c r="C21" s="4">
        <v>37</v>
      </c>
      <c r="D21" s="4">
        <v>10</v>
      </c>
      <c r="E21" s="4">
        <v>12</v>
      </c>
      <c r="F21" s="4">
        <v>7</v>
      </c>
      <c r="G21" s="4">
        <v>186</v>
      </c>
      <c r="L21" s="9"/>
      <c r="M21" s="9"/>
      <c r="N21" s="9"/>
      <c r="O21" s="9"/>
      <c r="P21" s="9"/>
      <c r="Q21" s="9"/>
    </row>
    <row r="22" spans="1:17">
      <c r="A22" s="57"/>
      <c r="B22" s="5">
        <v>0.64500000000000002</v>
      </c>
      <c r="C22" s="5">
        <v>0.19900000000000001</v>
      </c>
      <c r="D22" s="5">
        <v>5.3999999999999999E-2</v>
      </c>
      <c r="E22" s="5">
        <v>6.5000000000000002E-2</v>
      </c>
      <c r="F22" s="5">
        <v>3.7999999999999999E-2</v>
      </c>
      <c r="G22" s="5">
        <v>1</v>
      </c>
    </row>
    <row r="23" spans="1:17">
      <c r="A23" s="54" t="s">
        <v>131</v>
      </c>
      <c r="B23" s="54"/>
      <c r="C23" s="54"/>
      <c r="D23" s="54"/>
      <c r="E23" s="54"/>
      <c r="F23" s="54"/>
      <c r="G23" s="54"/>
      <c r="L23" s="9"/>
      <c r="M23" s="9"/>
      <c r="N23" s="9"/>
      <c r="O23" s="9"/>
      <c r="P23" s="9"/>
      <c r="Q23" s="9"/>
    </row>
    <row r="24" spans="1:17">
      <c r="A24" s="55"/>
      <c r="B24" s="55"/>
      <c r="C24" s="55"/>
      <c r="D24" s="55"/>
      <c r="E24" s="55"/>
      <c r="F24" s="55"/>
      <c r="G24" s="55"/>
    </row>
  </sheetData>
  <mergeCells count="12">
    <mergeCell ref="A23:G24"/>
    <mergeCell ref="A3:A4"/>
    <mergeCell ref="B3:G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2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35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4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73" t="s">
        <v>215</v>
      </c>
      <c r="B5" s="4">
        <v>173</v>
      </c>
      <c r="C5" s="4">
        <v>2746</v>
      </c>
      <c r="D5" s="4">
        <v>648</v>
      </c>
      <c r="E5" s="4">
        <v>5</v>
      </c>
      <c r="F5" s="4">
        <v>3572</v>
      </c>
    </row>
    <row r="6" spans="1:7">
      <c r="A6" s="77"/>
      <c r="B6" s="5">
        <v>4.8000000000000001E-2</v>
      </c>
      <c r="C6" s="5">
        <v>0.76900000000000002</v>
      </c>
      <c r="D6" s="5">
        <v>0.18099999999999999</v>
      </c>
      <c r="E6" s="5">
        <v>1E-3</v>
      </c>
      <c r="F6" s="5">
        <v>1</v>
      </c>
    </row>
    <row r="7" spans="1:7">
      <c r="A7" s="73" t="s">
        <v>147</v>
      </c>
      <c r="B7" s="6">
        <v>12</v>
      </c>
      <c r="C7" s="6">
        <v>68</v>
      </c>
      <c r="D7" s="6">
        <v>24</v>
      </c>
      <c r="E7" s="6">
        <v>0</v>
      </c>
      <c r="F7" s="4">
        <v>104</v>
      </c>
    </row>
    <row r="8" spans="1:7">
      <c r="A8" s="74"/>
      <c r="B8" s="5">
        <v>0.115</v>
      </c>
      <c r="C8" s="5">
        <v>0.65400000000000003</v>
      </c>
      <c r="D8" s="5">
        <v>0.23100000000000001</v>
      </c>
      <c r="E8" s="5">
        <v>0</v>
      </c>
      <c r="F8" s="5">
        <v>1</v>
      </c>
    </row>
    <row r="9" spans="1:7">
      <c r="A9" s="73" t="s">
        <v>148</v>
      </c>
      <c r="B9" s="6">
        <v>1</v>
      </c>
      <c r="C9" s="6">
        <v>6</v>
      </c>
      <c r="D9" s="6">
        <v>0</v>
      </c>
      <c r="E9" s="6">
        <v>0</v>
      </c>
      <c r="F9" s="6">
        <v>7</v>
      </c>
    </row>
    <row r="10" spans="1:7">
      <c r="A10" s="74"/>
      <c r="B10" s="5">
        <v>0.14299999999999999</v>
      </c>
      <c r="C10" s="5">
        <v>0.85699999999999998</v>
      </c>
      <c r="D10" s="5">
        <v>0</v>
      </c>
      <c r="E10" s="5">
        <v>0</v>
      </c>
      <c r="F10" s="5">
        <v>1</v>
      </c>
    </row>
    <row r="11" spans="1:7" ht="14.25" customHeight="1">
      <c r="A11" s="56" t="s">
        <v>171</v>
      </c>
      <c r="B11" s="6">
        <v>0</v>
      </c>
      <c r="C11" s="6">
        <v>1</v>
      </c>
      <c r="D11" s="6">
        <v>0</v>
      </c>
      <c r="E11" s="6">
        <v>1</v>
      </c>
      <c r="F11" s="6">
        <v>2</v>
      </c>
    </row>
    <row r="12" spans="1:7">
      <c r="A12" s="57"/>
      <c r="B12" s="5">
        <v>0</v>
      </c>
      <c r="C12" s="5">
        <v>0.5</v>
      </c>
      <c r="D12" s="5">
        <v>0</v>
      </c>
      <c r="E12" s="5">
        <v>0.5</v>
      </c>
      <c r="F12" s="5">
        <v>1</v>
      </c>
    </row>
    <row r="13" spans="1:7">
      <c r="A13" s="56" t="s">
        <v>29</v>
      </c>
      <c r="B13" s="4">
        <v>186</v>
      </c>
      <c r="C13" s="4">
        <v>2821</v>
      </c>
      <c r="D13" s="4">
        <v>672</v>
      </c>
      <c r="E13" s="4">
        <v>6</v>
      </c>
      <c r="F13" s="4">
        <v>3685</v>
      </c>
    </row>
    <row r="14" spans="1:7">
      <c r="A14" s="57"/>
      <c r="B14" s="5">
        <v>0.05</v>
      </c>
      <c r="C14" s="5">
        <v>0.76600000000000001</v>
      </c>
      <c r="D14" s="5">
        <v>0.182</v>
      </c>
      <c r="E14" s="5">
        <v>2E-3</v>
      </c>
      <c r="F14" s="5">
        <v>1</v>
      </c>
    </row>
    <row r="15" spans="1:7">
      <c r="A15" s="54" t="s">
        <v>129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1:A12"/>
    <mergeCell ref="A13:A14"/>
    <mergeCell ref="A15:F16"/>
    <mergeCell ref="A3:A4"/>
    <mergeCell ref="B3:F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3"/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36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4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73" t="s">
        <v>215</v>
      </c>
      <c r="B5" s="4">
        <v>114</v>
      </c>
      <c r="C5" s="4">
        <v>34</v>
      </c>
      <c r="D5" s="4">
        <v>8</v>
      </c>
      <c r="E5" s="4">
        <v>10</v>
      </c>
      <c r="F5" s="4">
        <v>7</v>
      </c>
      <c r="G5" s="4">
        <v>173</v>
      </c>
    </row>
    <row r="6" spans="1:8">
      <c r="A6" s="77"/>
      <c r="B6" s="5">
        <v>0.65900000000000003</v>
      </c>
      <c r="C6" s="5">
        <v>0.19700000000000001</v>
      </c>
      <c r="D6" s="5">
        <v>4.5999999999999999E-2</v>
      </c>
      <c r="E6" s="5">
        <v>5.8000000000000003E-2</v>
      </c>
      <c r="F6" s="5">
        <v>0.04</v>
      </c>
      <c r="G6" s="5">
        <v>1</v>
      </c>
    </row>
    <row r="7" spans="1:8">
      <c r="A7" s="73" t="s">
        <v>147</v>
      </c>
      <c r="B7" s="6">
        <v>5</v>
      </c>
      <c r="C7" s="6">
        <v>3</v>
      </c>
      <c r="D7" s="6">
        <v>2</v>
      </c>
      <c r="E7" s="6">
        <v>2</v>
      </c>
      <c r="F7" s="6">
        <v>0</v>
      </c>
      <c r="G7" s="4">
        <v>12</v>
      </c>
    </row>
    <row r="8" spans="1:8">
      <c r="A8" s="74"/>
      <c r="B8" s="5">
        <v>0.41699999999999998</v>
      </c>
      <c r="C8" s="5">
        <v>0.25</v>
      </c>
      <c r="D8" s="5">
        <v>0.16700000000000001</v>
      </c>
      <c r="E8" s="5">
        <v>0.16700000000000001</v>
      </c>
      <c r="F8" s="5">
        <v>0</v>
      </c>
      <c r="G8" s="5">
        <v>1</v>
      </c>
    </row>
    <row r="9" spans="1:8">
      <c r="A9" s="73" t="s">
        <v>148</v>
      </c>
      <c r="B9" s="6">
        <v>1</v>
      </c>
      <c r="C9" s="6">
        <v>0</v>
      </c>
      <c r="D9" s="6">
        <v>0</v>
      </c>
      <c r="E9" s="6">
        <v>0</v>
      </c>
      <c r="F9" s="6">
        <v>0</v>
      </c>
      <c r="G9" s="6">
        <v>1</v>
      </c>
    </row>
    <row r="10" spans="1:8">
      <c r="A10" s="74"/>
      <c r="B10" s="5">
        <v>1</v>
      </c>
      <c r="C10" s="5">
        <v>0</v>
      </c>
      <c r="D10" s="5">
        <v>0</v>
      </c>
      <c r="E10" s="5">
        <v>0</v>
      </c>
      <c r="F10" s="5">
        <v>0</v>
      </c>
      <c r="G10" s="5">
        <v>1</v>
      </c>
    </row>
    <row r="11" spans="1:8">
      <c r="A11" s="56" t="s">
        <v>29</v>
      </c>
      <c r="B11" s="6">
        <v>120</v>
      </c>
      <c r="C11" s="6">
        <v>37</v>
      </c>
      <c r="D11" s="6">
        <v>10</v>
      </c>
      <c r="E11" s="6">
        <v>12</v>
      </c>
      <c r="F11" s="6">
        <v>7</v>
      </c>
      <c r="G11" s="6">
        <v>186</v>
      </c>
    </row>
    <row r="12" spans="1:8">
      <c r="A12" s="57"/>
      <c r="B12" s="5">
        <v>0.64500000000000002</v>
      </c>
      <c r="C12" s="5">
        <v>0.19900000000000001</v>
      </c>
      <c r="D12" s="5">
        <v>5.3999999999999999E-2</v>
      </c>
      <c r="E12" s="5">
        <v>6.5000000000000002E-2</v>
      </c>
      <c r="F12" s="5">
        <v>3.7999999999999999E-2</v>
      </c>
      <c r="G12" s="5">
        <v>1</v>
      </c>
    </row>
    <row r="13" spans="1:8">
      <c r="A13" s="54" t="s">
        <v>131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1:A12"/>
    <mergeCell ref="A13:G14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4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37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6</v>
      </c>
      <c r="B3" s="53" t="s">
        <v>113</v>
      </c>
      <c r="C3" s="53"/>
      <c r="D3" s="53"/>
      <c r="E3" s="53"/>
      <c r="F3" s="2"/>
    </row>
    <row r="4" spans="1:6" ht="28.5">
      <c r="A4" s="78"/>
      <c r="B4" s="8" t="s">
        <v>151</v>
      </c>
      <c r="C4" s="8" t="s">
        <v>152</v>
      </c>
      <c r="D4" s="8" t="s">
        <v>42</v>
      </c>
      <c r="E4" s="8" t="s">
        <v>29</v>
      </c>
    </row>
    <row r="5" spans="1:6">
      <c r="A5" s="56" t="s">
        <v>217</v>
      </c>
      <c r="B5" s="4">
        <v>1572</v>
      </c>
      <c r="C5" s="4">
        <v>15</v>
      </c>
      <c r="D5" s="4">
        <v>4</v>
      </c>
      <c r="E5" s="4">
        <v>1591</v>
      </c>
    </row>
    <row r="6" spans="1:6">
      <c r="A6" s="61"/>
      <c r="B6" s="5">
        <v>0.98799999999999999</v>
      </c>
      <c r="C6" s="5">
        <v>8.9999999999999993E-3</v>
      </c>
      <c r="D6" s="5">
        <v>3.0000000000000001E-3</v>
      </c>
      <c r="E6" s="5">
        <v>1</v>
      </c>
    </row>
    <row r="7" spans="1:6">
      <c r="A7" s="56" t="s">
        <v>575</v>
      </c>
      <c r="B7" s="4">
        <v>1616</v>
      </c>
      <c r="C7" s="4">
        <v>8</v>
      </c>
      <c r="D7" s="4">
        <v>1</v>
      </c>
      <c r="E7" s="4">
        <v>1625</v>
      </c>
    </row>
    <row r="8" spans="1:6">
      <c r="A8" s="57"/>
      <c r="B8" s="5">
        <v>0.99399999999999999</v>
      </c>
      <c r="C8" s="5">
        <v>5.0000000000000001E-3</v>
      </c>
      <c r="D8" s="5">
        <v>1E-3</v>
      </c>
      <c r="E8" s="5">
        <v>1</v>
      </c>
    </row>
    <row r="9" spans="1:6">
      <c r="A9" s="56" t="s">
        <v>513</v>
      </c>
      <c r="B9" s="6">
        <v>254</v>
      </c>
      <c r="C9" s="6">
        <v>1</v>
      </c>
      <c r="D9" s="6">
        <v>1</v>
      </c>
      <c r="E9" s="4">
        <v>256</v>
      </c>
    </row>
    <row r="10" spans="1:6">
      <c r="A10" s="57"/>
      <c r="B10" s="5">
        <v>0.99199999999999999</v>
      </c>
      <c r="C10" s="5">
        <v>4.0000000000000001E-3</v>
      </c>
      <c r="D10" s="5">
        <v>4.0000000000000001E-3</v>
      </c>
      <c r="E10" s="5">
        <v>1</v>
      </c>
    </row>
    <row r="11" spans="1:6" ht="14.25" customHeight="1">
      <c r="A11" s="56" t="s">
        <v>171</v>
      </c>
      <c r="B11" s="6">
        <v>99</v>
      </c>
      <c r="C11" s="6">
        <v>1</v>
      </c>
      <c r="D11" s="6">
        <v>0</v>
      </c>
      <c r="E11" s="4">
        <v>100</v>
      </c>
    </row>
    <row r="12" spans="1:6">
      <c r="A12" s="57"/>
      <c r="B12" s="5">
        <v>0.99</v>
      </c>
      <c r="C12" s="5">
        <v>0.01</v>
      </c>
      <c r="D12" s="5">
        <v>0</v>
      </c>
      <c r="E12" s="5">
        <v>1</v>
      </c>
    </row>
    <row r="13" spans="1:6">
      <c r="A13" s="56" t="s">
        <v>29</v>
      </c>
      <c r="B13" s="4">
        <v>3541</v>
      </c>
      <c r="C13" s="4">
        <v>25</v>
      </c>
      <c r="D13" s="4">
        <v>6</v>
      </c>
      <c r="E13" s="4">
        <v>3572</v>
      </c>
    </row>
    <row r="14" spans="1:6">
      <c r="A14" s="57"/>
      <c r="B14" s="5">
        <v>0.99099999999999999</v>
      </c>
      <c r="C14" s="5">
        <v>7.0000000000000001E-3</v>
      </c>
      <c r="D14" s="5">
        <v>2E-3</v>
      </c>
      <c r="E14" s="5">
        <v>1</v>
      </c>
    </row>
    <row r="15" spans="1:6">
      <c r="A15" s="54" t="s">
        <v>106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5:E16"/>
    <mergeCell ref="A7:A8"/>
    <mergeCell ref="A9:A10"/>
    <mergeCell ref="A3:A4"/>
    <mergeCell ref="B3:E3"/>
    <mergeCell ref="A5:A6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5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38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6</v>
      </c>
      <c r="B3" s="53" t="s">
        <v>114</v>
      </c>
      <c r="C3" s="53"/>
      <c r="D3" s="53"/>
      <c r="E3" s="53"/>
      <c r="F3" s="53"/>
      <c r="G3" s="2"/>
    </row>
    <row r="4" spans="1:7">
      <c r="A4" s="78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7">
      <c r="A5" s="56" t="s">
        <v>217</v>
      </c>
      <c r="B5" s="4">
        <v>341</v>
      </c>
      <c r="C5" s="4">
        <v>534</v>
      </c>
      <c r="D5" s="4">
        <v>702</v>
      </c>
      <c r="E5" s="4">
        <v>14</v>
      </c>
      <c r="F5" s="4">
        <v>1591</v>
      </c>
    </row>
    <row r="6" spans="1:7">
      <c r="A6" s="61"/>
      <c r="B6" s="5">
        <v>0.214</v>
      </c>
      <c r="C6" s="5">
        <v>0.33600000000000002</v>
      </c>
      <c r="D6" s="5">
        <v>0.441</v>
      </c>
      <c r="E6" s="5">
        <v>8.9999999999999993E-3</v>
      </c>
      <c r="F6" s="5">
        <v>1</v>
      </c>
    </row>
    <row r="7" spans="1:7">
      <c r="A7" s="56" t="s">
        <v>575</v>
      </c>
      <c r="B7" s="4">
        <v>259</v>
      </c>
      <c r="C7" s="4">
        <v>510</v>
      </c>
      <c r="D7" s="4">
        <v>845</v>
      </c>
      <c r="E7" s="4">
        <v>11</v>
      </c>
      <c r="F7" s="4">
        <v>1625</v>
      </c>
    </row>
    <row r="8" spans="1:7">
      <c r="A8" s="57"/>
      <c r="B8" s="5">
        <v>0.159</v>
      </c>
      <c r="C8" s="5">
        <v>0.314</v>
      </c>
      <c r="D8" s="5">
        <v>0.52</v>
      </c>
      <c r="E8" s="5">
        <v>7.0000000000000001E-3</v>
      </c>
      <c r="F8" s="5">
        <v>1</v>
      </c>
    </row>
    <row r="9" spans="1:7">
      <c r="A9" s="56" t="s">
        <v>513</v>
      </c>
      <c r="B9" s="6">
        <v>31</v>
      </c>
      <c r="C9" s="6">
        <v>82</v>
      </c>
      <c r="D9" s="6">
        <v>142</v>
      </c>
      <c r="E9" s="6">
        <v>1</v>
      </c>
      <c r="F9" s="4">
        <v>256</v>
      </c>
    </row>
    <row r="10" spans="1:7">
      <c r="A10" s="57"/>
      <c r="B10" s="5">
        <v>0.121</v>
      </c>
      <c r="C10" s="5">
        <v>0.32</v>
      </c>
      <c r="D10" s="5">
        <v>0.55500000000000005</v>
      </c>
      <c r="E10" s="5">
        <v>4.0000000000000001E-3</v>
      </c>
      <c r="F10" s="5">
        <v>1</v>
      </c>
    </row>
    <row r="11" spans="1:7" ht="14.25" customHeight="1">
      <c r="A11" s="79" t="s">
        <v>171</v>
      </c>
      <c r="B11" s="6">
        <v>10</v>
      </c>
      <c r="C11" s="6">
        <v>36</v>
      </c>
      <c r="D11" s="6">
        <v>53</v>
      </c>
      <c r="E11" s="6">
        <v>1</v>
      </c>
      <c r="F11" s="6">
        <v>100</v>
      </c>
    </row>
    <row r="12" spans="1:7">
      <c r="A12" s="80"/>
      <c r="B12" s="5">
        <v>0.1</v>
      </c>
      <c r="C12" s="5">
        <v>0.36</v>
      </c>
      <c r="D12" s="5">
        <v>0.53</v>
      </c>
      <c r="E12" s="5">
        <v>0.01</v>
      </c>
      <c r="F12" s="5">
        <v>1</v>
      </c>
    </row>
    <row r="13" spans="1:7">
      <c r="A13" s="56" t="s">
        <v>29</v>
      </c>
      <c r="B13" s="4">
        <v>641</v>
      </c>
      <c r="C13" s="4">
        <v>1162</v>
      </c>
      <c r="D13" s="4">
        <v>1742</v>
      </c>
      <c r="E13" s="4">
        <v>27</v>
      </c>
      <c r="F13" s="4">
        <v>3572</v>
      </c>
    </row>
    <row r="14" spans="1:7">
      <c r="A14" s="57"/>
      <c r="B14" s="5">
        <v>0.17899999999999999</v>
      </c>
      <c r="C14" s="5">
        <v>0.32500000000000001</v>
      </c>
      <c r="D14" s="5">
        <v>0.48799999999999999</v>
      </c>
      <c r="E14" s="5">
        <v>8.0000000000000002E-3</v>
      </c>
      <c r="F14" s="5">
        <v>1</v>
      </c>
    </row>
    <row r="15" spans="1:7">
      <c r="A15" s="54" t="s">
        <v>115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5:F16"/>
    <mergeCell ref="A11:A12"/>
    <mergeCell ref="A7:A8"/>
    <mergeCell ref="A3:A4"/>
    <mergeCell ref="B3:F3"/>
    <mergeCell ref="A5:A6"/>
    <mergeCell ref="A9:A10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6"/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39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6</v>
      </c>
      <c r="B3" s="53" t="s">
        <v>11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8">
      <c r="A5" s="56" t="s">
        <v>217</v>
      </c>
      <c r="B5" s="4">
        <v>1194</v>
      </c>
      <c r="C5" s="4">
        <v>91</v>
      </c>
      <c r="D5" s="4">
        <v>238</v>
      </c>
      <c r="E5" s="4">
        <v>62</v>
      </c>
      <c r="F5" s="4">
        <v>6</v>
      </c>
      <c r="G5" s="4">
        <v>1591</v>
      </c>
    </row>
    <row r="6" spans="1:8">
      <c r="A6" s="61"/>
      <c r="B6" s="5">
        <v>0.75</v>
      </c>
      <c r="C6" s="5">
        <v>5.7000000000000002E-2</v>
      </c>
      <c r="D6" s="5">
        <v>0.15</v>
      </c>
      <c r="E6" s="5">
        <v>3.9E-2</v>
      </c>
      <c r="F6" s="5">
        <v>4.0000000000000001E-3</v>
      </c>
      <c r="G6" s="5">
        <v>1</v>
      </c>
    </row>
    <row r="7" spans="1:8">
      <c r="A7" s="56" t="s">
        <v>575</v>
      </c>
      <c r="B7" s="4">
        <v>1313</v>
      </c>
      <c r="C7" s="4">
        <v>109</v>
      </c>
      <c r="D7" s="4">
        <v>149</v>
      </c>
      <c r="E7" s="4">
        <v>43</v>
      </c>
      <c r="F7" s="4">
        <v>11</v>
      </c>
      <c r="G7" s="4">
        <v>1625</v>
      </c>
    </row>
    <row r="8" spans="1:8">
      <c r="A8" s="61"/>
      <c r="B8" s="5">
        <v>0.80800000000000005</v>
      </c>
      <c r="C8" s="5">
        <v>6.7000000000000004E-2</v>
      </c>
      <c r="D8" s="5">
        <v>9.1999999999999998E-2</v>
      </c>
      <c r="E8" s="5">
        <v>2.5999999999999999E-2</v>
      </c>
      <c r="F8" s="5">
        <v>7.0000000000000001E-3</v>
      </c>
      <c r="G8" s="5">
        <v>1</v>
      </c>
    </row>
    <row r="9" spans="1:8">
      <c r="A9" s="56" t="s">
        <v>513</v>
      </c>
      <c r="B9" s="4">
        <v>213</v>
      </c>
      <c r="C9" s="4">
        <v>15</v>
      </c>
      <c r="D9" s="4">
        <v>22</v>
      </c>
      <c r="E9" s="4">
        <v>5</v>
      </c>
      <c r="F9" s="4">
        <v>1</v>
      </c>
      <c r="G9" s="4">
        <v>256</v>
      </c>
    </row>
    <row r="10" spans="1:8">
      <c r="A10" s="61"/>
      <c r="B10" s="5">
        <v>0.83199999999999996</v>
      </c>
      <c r="C10" s="5">
        <v>5.8999999999999997E-2</v>
      </c>
      <c r="D10" s="5">
        <v>8.5999999999999993E-2</v>
      </c>
      <c r="E10" s="5">
        <v>0.02</v>
      </c>
      <c r="F10" s="5">
        <v>4.0000000000000001E-3</v>
      </c>
      <c r="G10" s="5">
        <v>1</v>
      </c>
    </row>
    <row r="11" spans="1:8">
      <c r="A11" s="56" t="s">
        <v>171</v>
      </c>
      <c r="B11" s="6">
        <v>75</v>
      </c>
      <c r="C11" s="6">
        <v>8</v>
      </c>
      <c r="D11" s="6">
        <v>15</v>
      </c>
      <c r="E11" s="6">
        <v>2</v>
      </c>
      <c r="F11" s="6">
        <v>0</v>
      </c>
      <c r="G11" s="4">
        <v>100</v>
      </c>
    </row>
    <row r="12" spans="1:8">
      <c r="A12" s="57"/>
      <c r="B12" s="5">
        <v>0.75</v>
      </c>
      <c r="C12" s="5">
        <v>0.08</v>
      </c>
      <c r="D12" s="5">
        <v>0.15</v>
      </c>
      <c r="E12" s="5">
        <v>0.02</v>
      </c>
      <c r="F12" s="5">
        <v>0</v>
      </c>
      <c r="G12" s="5">
        <v>1</v>
      </c>
    </row>
    <row r="13" spans="1:8">
      <c r="A13" s="56" t="s">
        <v>29</v>
      </c>
      <c r="B13" s="4">
        <v>2795</v>
      </c>
      <c r="C13" s="4">
        <v>223</v>
      </c>
      <c r="D13" s="4">
        <v>424</v>
      </c>
      <c r="E13" s="4">
        <v>112</v>
      </c>
      <c r="F13" s="4">
        <v>18</v>
      </c>
      <c r="G13" s="4">
        <v>3572</v>
      </c>
    </row>
    <row r="14" spans="1:8">
      <c r="A14" s="57"/>
      <c r="B14" s="5">
        <v>0.78200000000000003</v>
      </c>
      <c r="C14" s="5">
        <v>6.2E-2</v>
      </c>
      <c r="D14" s="5">
        <v>0.11899999999999999</v>
      </c>
      <c r="E14" s="5">
        <v>3.1E-2</v>
      </c>
      <c r="F14" s="5">
        <v>5.0000000000000001E-3</v>
      </c>
      <c r="G14" s="5">
        <v>1</v>
      </c>
    </row>
    <row r="15" spans="1:8" ht="14.25" customHeight="1">
      <c r="A15" s="54" t="s">
        <v>119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5:G16"/>
    <mergeCell ref="A5:A6"/>
    <mergeCell ref="A7:A8"/>
    <mergeCell ref="A3:A4"/>
    <mergeCell ref="B3:G3"/>
    <mergeCell ref="A9:A10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7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40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6</v>
      </c>
      <c r="B3" s="53" t="s">
        <v>117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7">
      <c r="A5" s="56" t="s">
        <v>217</v>
      </c>
      <c r="B5" s="4">
        <v>820</v>
      </c>
      <c r="C5" s="4">
        <v>706</v>
      </c>
      <c r="D5" s="4">
        <v>58</v>
      </c>
      <c r="E5" s="4">
        <v>7</v>
      </c>
      <c r="F5" s="4">
        <v>1591</v>
      </c>
    </row>
    <row r="6" spans="1:7">
      <c r="A6" s="61"/>
      <c r="B6" s="5">
        <v>0.51500000000000001</v>
      </c>
      <c r="C6" s="5">
        <v>0.44400000000000001</v>
      </c>
      <c r="D6" s="5">
        <v>3.5999999999999997E-2</v>
      </c>
      <c r="E6" s="5">
        <v>4.0000000000000001E-3</v>
      </c>
      <c r="F6" s="5">
        <v>1</v>
      </c>
    </row>
    <row r="7" spans="1:7">
      <c r="A7" s="56" t="s">
        <v>575</v>
      </c>
      <c r="B7" s="4">
        <v>982</v>
      </c>
      <c r="C7" s="4">
        <v>585</v>
      </c>
      <c r="D7" s="4">
        <v>45</v>
      </c>
      <c r="E7" s="4">
        <v>13</v>
      </c>
      <c r="F7" s="4">
        <v>1625</v>
      </c>
    </row>
    <row r="8" spans="1:7">
      <c r="A8" s="57"/>
      <c r="B8" s="5">
        <v>0.60399999999999998</v>
      </c>
      <c r="C8" s="5">
        <v>0.36</v>
      </c>
      <c r="D8" s="5">
        <v>2.8000000000000001E-2</v>
      </c>
      <c r="E8" s="5">
        <v>8.0000000000000002E-3</v>
      </c>
      <c r="F8" s="5">
        <v>1</v>
      </c>
    </row>
    <row r="9" spans="1:7">
      <c r="A9" s="56" t="s">
        <v>513</v>
      </c>
      <c r="B9" s="4">
        <v>151</v>
      </c>
      <c r="C9" s="4">
        <v>92</v>
      </c>
      <c r="D9" s="4">
        <v>13</v>
      </c>
      <c r="E9" s="4">
        <v>0</v>
      </c>
      <c r="F9" s="4">
        <v>256</v>
      </c>
    </row>
    <row r="10" spans="1:7">
      <c r="A10" s="61"/>
      <c r="B10" s="5">
        <v>0.59</v>
      </c>
      <c r="C10" s="5">
        <v>0.35899999999999999</v>
      </c>
      <c r="D10" s="5">
        <v>5.0999999999999997E-2</v>
      </c>
      <c r="E10" s="5">
        <v>0</v>
      </c>
      <c r="F10" s="5">
        <v>1</v>
      </c>
    </row>
    <row r="11" spans="1:7" ht="14.25" customHeight="1">
      <c r="A11" s="56" t="s">
        <v>171</v>
      </c>
      <c r="B11" s="6">
        <v>52</v>
      </c>
      <c r="C11" s="6">
        <v>45</v>
      </c>
      <c r="D11" s="6">
        <v>2</v>
      </c>
      <c r="E11" s="6">
        <v>1</v>
      </c>
      <c r="F11" s="4">
        <v>100</v>
      </c>
    </row>
    <row r="12" spans="1:7">
      <c r="A12" s="57"/>
      <c r="B12" s="5">
        <v>0.52</v>
      </c>
      <c r="C12" s="5">
        <v>0.45</v>
      </c>
      <c r="D12" s="5">
        <v>0.02</v>
      </c>
      <c r="E12" s="5">
        <v>0.01</v>
      </c>
      <c r="F12" s="5">
        <v>1</v>
      </c>
    </row>
    <row r="13" spans="1:7">
      <c r="A13" s="56" t="s">
        <v>29</v>
      </c>
      <c r="B13" s="4">
        <v>2005</v>
      </c>
      <c r="C13" s="4">
        <v>1428</v>
      </c>
      <c r="D13" s="4">
        <v>118</v>
      </c>
      <c r="E13" s="4">
        <v>21</v>
      </c>
      <c r="F13" s="4">
        <v>3572</v>
      </c>
    </row>
    <row r="14" spans="1:7">
      <c r="A14" s="57"/>
      <c r="B14" s="5">
        <v>0.56100000000000005</v>
      </c>
      <c r="C14" s="5">
        <v>0.4</v>
      </c>
      <c r="D14" s="5">
        <v>3.3000000000000002E-2</v>
      </c>
      <c r="E14" s="5">
        <v>6.0000000000000001E-3</v>
      </c>
      <c r="F14" s="5">
        <v>1</v>
      </c>
    </row>
    <row r="15" spans="1:7">
      <c r="A15" s="54" t="s">
        <v>118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5:F16"/>
    <mergeCell ref="A5:A6"/>
    <mergeCell ref="A7:A8"/>
    <mergeCell ref="A3:A4"/>
    <mergeCell ref="B3:F3"/>
    <mergeCell ref="A9:A10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8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41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6</v>
      </c>
      <c r="B3" s="53" t="s">
        <v>120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217</v>
      </c>
      <c r="B5" s="4">
        <v>952</v>
      </c>
      <c r="C5" s="4">
        <v>635</v>
      </c>
      <c r="D5" s="4">
        <v>4</v>
      </c>
      <c r="E5" s="4">
        <v>1591</v>
      </c>
    </row>
    <row r="6" spans="1:6">
      <c r="A6" s="61"/>
      <c r="B6" s="5">
        <v>0.59799999999999998</v>
      </c>
      <c r="C6" s="5">
        <v>0.39900000000000002</v>
      </c>
      <c r="D6" s="5">
        <v>3.0000000000000001E-3</v>
      </c>
      <c r="E6" s="5">
        <v>1</v>
      </c>
    </row>
    <row r="7" spans="1:6">
      <c r="A7" s="56" t="s">
        <v>575</v>
      </c>
      <c r="B7" s="4">
        <v>1072</v>
      </c>
      <c r="C7" s="4">
        <v>549</v>
      </c>
      <c r="D7" s="4">
        <v>4</v>
      </c>
      <c r="E7" s="4">
        <v>1625</v>
      </c>
    </row>
    <row r="8" spans="1:6">
      <c r="A8" s="57"/>
      <c r="B8" s="5">
        <v>0.66</v>
      </c>
      <c r="C8" s="5">
        <v>0.33800000000000002</v>
      </c>
      <c r="D8" s="5">
        <v>2E-3</v>
      </c>
      <c r="E8" s="5">
        <v>1</v>
      </c>
    </row>
    <row r="9" spans="1:6">
      <c r="A9" s="56" t="s">
        <v>513</v>
      </c>
      <c r="B9" s="4">
        <v>178</v>
      </c>
      <c r="C9" s="4">
        <v>78</v>
      </c>
      <c r="D9" s="4">
        <v>0</v>
      </c>
      <c r="E9" s="4">
        <v>256</v>
      </c>
    </row>
    <row r="10" spans="1:6">
      <c r="A10" s="57"/>
      <c r="B10" s="5">
        <v>0.69499999999999995</v>
      </c>
      <c r="C10" s="5">
        <v>0.30499999999999999</v>
      </c>
      <c r="D10" s="5">
        <v>0</v>
      </c>
      <c r="E10" s="5">
        <v>1</v>
      </c>
    </row>
    <row r="11" spans="1:6" ht="14.25" customHeight="1">
      <c r="A11" s="56" t="s">
        <v>171</v>
      </c>
      <c r="B11" s="6">
        <v>62</v>
      </c>
      <c r="C11" s="6">
        <v>37</v>
      </c>
      <c r="D11" s="6">
        <v>1</v>
      </c>
      <c r="E11" s="4">
        <v>100</v>
      </c>
    </row>
    <row r="12" spans="1:6">
      <c r="A12" s="57"/>
      <c r="B12" s="5">
        <v>0.62</v>
      </c>
      <c r="C12" s="5">
        <v>0.37</v>
      </c>
      <c r="D12" s="5">
        <v>0.01</v>
      </c>
      <c r="E12" s="5">
        <v>1</v>
      </c>
    </row>
    <row r="13" spans="1:6">
      <c r="A13" s="56" t="s">
        <v>29</v>
      </c>
      <c r="B13" s="4">
        <v>2264</v>
      </c>
      <c r="C13" s="4">
        <v>1299</v>
      </c>
      <c r="D13" s="4">
        <v>9</v>
      </c>
      <c r="E13" s="4">
        <v>3572</v>
      </c>
    </row>
    <row r="14" spans="1:6">
      <c r="A14" s="57"/>
      <c r="B14" s="5">
        <v>0.63400000000000001</v>
      </c>
      <c r="C14" s="5">
        <v>0.36399999999999999</v>
      </c>
      <c r="D14" s="5">
        <v>3.0000000000000001E-3</v>
      </c>
      <c r="E14" s="5">
        <v>1</v>
      </c>
    </row>
    <row r="15" spans="1:6">
      <c r="A15" s="54" t="s">
        <v>121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5:E16"/>
    <mergeCell ref="A7:A8"/>
    <mergeCell ref="A9:A10"/>
    <mergeCell ref="A3:A4"/>
    <mergeCell ref="B3:E3"/>
    <mergeCell ref="A5:A6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742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61.5" customHeight="1">
      <c r="A3" s="78" t="s">
        <v>216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56" t="s">
        <v>217</v>
      </c>
      <c r="B5" s="4">
        <v>80</v>
      </c>
      <c r="C5" s="4">
        <v>872</v>
      </c>
      <c r="D5" s="4">
        <v>756</v>
      </c>
      <c r="E5" s="4">
        <v>196</v>
      </c>
      <c r="F5" s="4">
        <v>298</v>
      </c>
      <c r="G5" s="4">
        <v>654</v>
      </c>
    </row>
    <row r="6" spans="1:7">
      <c r="A6" s="61"/>
      <c r="B6" s="5">
        <v>8.4000000000000005E-2</v>
      </c>
      <c r="C6" s="5">
        <v>0.91600000000000004</v>
      </c>
      <c r="D6" s="5">
        <v>0.79400000000000004</v>
      </c>
      <c r="E6" s="5">
        <v>0.20599999999999999</v>
      </c>
      <c r="F6" s="5">
        <v>0.313</v>
      </c>
      <c r="G6" s="5">
        <v>0.68700000000000006</v>
      </c>
    </row>
    <row r="7" spans="1:7">
      <c r="A7" s="56" t="s">
        <v>575</v>
      </c>
      <c r="B7" s="6">
        <v>85</v>
      </c>
      <c r="C7" s="6">
        <v>987</v>
      </c>
      <c r="D7" s="6">
        <v>864</v>
      </c>
      <c r="E7" s="6">
        <v>208</v>
      </c>
      <c r="F7" s="6">
        <v>362</v>
      </c>
      <c r="G7" s="6">
        <v>710</v>
      </c>
    </row>
    <row r="8" spans="1:7">
      <c r="A8" s="57"/>
      <c r="B8" s="5">
        <v>7.9000000000000001E-2</v>
      </c>
      <c r="C8" s="5">
        <v>0.92100000000000004</v>
      </c>
      <c r="D8" s="5">
        <v>0.80600000000000005</v>
      </c>
      <c r="E8" s="5">
        <v>0.19400000000000001</v>
      </c>
      <c r="F8" s="5">
        <v>0.33800000000000002</v>
      </c>
      <c r="G8" s="5">
        <v>0.66200000000000003</v>
      </c>
    </row>
    <row r="9" spans="1:7">
      <c r="A9" s="56" t="s">
        <v>513</v>
      </c>
      <c r="B9" s="6">
        <v>11</v>
      </c>
      <c r="C9" s="6">
        <v>167</v>
      </c>
      <c r="D9" s="6">
        <v>150</v>
      </c>
      <c r="E9" s="6">
        <v>28</v>
      </c>
      <c r="F9" s="6">
        <v>55</v>
      </c>
      <c r="G9" s="6">
        <v>123</v>
      </c>
    </row>
    <row r="10" spans="1:7">
      <c r="A10" s="57"/>
      <c r="B10" s="5">
        <v>6.2E-2</v>
      </c>
      <c r="C10" s="5">
        <v>0.93799999999999994</v>
      </c>
      <c r="D10" s="5">
        <v>0.84299999999999997</v>
      </c>
      <c r="E10" s="5">
        <v>0.157</v>
      </c>
      <c r="F10" s="5">
        <v>0.309</v>
      </c>
      <c r="G10" s="5">
        <v>0.69099999999999995</v>
      </c>
    </row>
    <row r="11" spans="1:7">
      <c r="A11" s="56" t="s">
        <v>171</v>
      </c>
      <c r="B11" s="6">
        <v>4</v>
      </c>
      <c r="C11" s="6">
        <v>58</v>
      </c>
      <c r="D11" s="6">
        <v>47</v>
      </c>
      <c r="E11" s="6">
        <v>15</v>
      </c>
      <c r="F11" s="6">
        <v>22</v>
      </c>
      <c r="G11" s="6">
        <v>40</v>
      </c>
    </row>
    <row r="12" spans="1:7">
      <c r="A12" s="57"/>
      <c r="B12" s="5">
        <v>6.5000000000000002E-2</v>
      </c>
      <c r="C12" s="5">
        <v>0.93500000000000005</v>
      </c>
      <c r="D12" s="5">
        <v>0.75800000000000001</v>
      </c>
      <c r="E12" s="5">
        <v>0.24199999999999999</v>
      </c>
      <c r="F12" s="5">
        <v>0.35499999999999998</v>
      </c>
      <c r="G12" s="5">
        <v>0.64500000000000002</v>
      </c>
    </row>
    <row r="13" spans="1:7">
      <c r="A13" s="56" t="s">
        <v>29</v>
      </c>
      <c r="B13" s="4">
        <v>180</v>
      </c>
      <c r="C13" s="4">
        <v>2084</v>
      </c>
      <c r="D13" s="4">
        <v>1817</v>
      </c>
      <c r="E13" s="4">
        <v>447</v>
      </c>
      <c r="F13" s="4">
        <v>737</v>
      </c>
      <c r="G13" s="4">
        <v>1527</v>
      </c>
    </row>
    <row r="14" spans="1:7">
      <c r="A14" s="57"/>
      <c r="B14" s="5">
        <v>0.08</v>
      </c>
      <c r="C14" s="5">
        <v>0.92</v>
      </c>
      <c r="D14" s="5">
        <v>0.80300000000000005</v>
      </c>
      <c r="E14" s="5">
        <v>0.19700000000000001</v>
      </c>
      <c r="F14" s="5">
        <v>0.32600000000000001</v>
      </c>
      <c r="G14" s="5">
        <v>0.67400000000000004</v>
      </c>
    </row>
    <row r="16" spans="1:7" ht="33.75" customHeight="1">
      <c r="A16" s="73" t="s">
        <v>216</v>
      </c>
      <c r="B16" s="62" t="s">
        <v>243</v>
      </c>
      <c r="C16" s="63"/>
      <c r="D16" s="62" t="s">
        <v>244</v>
      </c>
      <c r="E16" s="63"/>
      <c r="F16" s="62" t="s">
        <v>245</v>
      </c>
      <c r="G16" s="64"/>
    </row>
    <row r="17" spans="1:7">
      <c r="A17" s="77"/>
      <c r="B17" s="8" t="s">
        <v>190</v>
      </c>
      <c r="C17" s="8" t="s">
        <v>191</v>
      </c>
      <c r="D17" s="8" t="s">
        <v>190</v>
      </c>
      <c r="E17" s="8" t="s">
        <v>191</v>
      </c>
      <c r="F17" s="8" t="s">
        <v>190</v>
      </c>
      <c r="G17" s="8" t="s">
        <v>191</v>
      </c>
    </row>
    <row r="18" spans="1:7">
      <c r="A18" s="56" t="s">
        <v>217</v>
      </c>
      <c r="B18" s="4">
        <v>600</v>
      </c>
      <c r="C18" s="4">
        <v>352</v>
      </c>
      <c r="D18" s="4">
        <v>22</v>
      </c>
      <c r="E18" s="4">
        <v>930</v>
      </c>
      <c r="F18" s="4">
        <v>31</v>
      </c>
      <c r="G18" s="4">
        <v>921</v>
      </c>
    </row>
    <row r="19" spans="1:7">
      <c r="A19" s="61"/>
      <c r="B19" s="5">
        <v>0.63</v>
      </c>
      <c r="C19" s="5">
        <v>0.37</v>
      </c>
      <c r="D19" s="5">
        <v>2.3E-2</v>
      </c>
      <c r="E19" s="5">
        <v>0.97699999999999998</v>
      </c>
      <c r="F19" s="5">
        <v>3.3000000000000002E-2</v>
      </c>
      <c r="G19" s="5">
        <v>0.96699999999999997</v>
      </c>
    </row>
    <row r="20" spans="1:7">
      <c r="A20" s="56" t="s">
        <v>575</v>
      </c>
      <c r="B20" s="4">
        <v>735</v>
      </c>
      <c r="C20" s="4">
        <v>337</v>
      </c>
      <c r="D20" s="4">
        <v>34</v>
      </c>
      <c r="E20" s="4">
        <v>1038</v>
      </c>
      <c r="F20" s="4">
        <v>44</v>
      </c>
      <c r="G20" s="4">
        <v>1028</v>
      </c>
    </row>
    <row r="21" spans="1:7">
      <c r="A21" s="57"/>
      <c r="B21" s="5">
        <v>0.68600000000000005</v>
      </c>
      <c r="C21" s="5">
        <v>0.314</v>
      </c>
      <c r="D21" s="5">
        <v>3.2000000000000001E-2</v>
      </c>
      <c r="E21" s="5">
        <v>0.96799999999999997</v>
      </c>
      <c r="F21" s="5">
        <v>4.1000000000000002E-2</v>
      </c>
      <c r="G21" s="5">
        <v>0.95899999999999996</v>
      </c>
    </row>
    <row r="22" spans="1:7">
      <c r="A22" s="56" t="s">
        <v>513</v>
      </c>
      <c r="B22" s="6">
        <v>120</v>
      </c>
      <c r="C22" s="6">
        <v>58</v>
      </c>
      <c r="D22" s="6">
        <v>6</v>
      </c>
      <c r="E22" s="6">
        <v>172</v>
      </c>
      <c r="F22" s="6">
        <v>6</v>
      </c>
      <c r="G22" s="6">
        <v>172</v>
      </c>
    </row>
    <row r="23" spans="1:7">
      <c r="A23" s="57"/>
      <c r="B23" s="5">
        <v>0.67400000000000004</v>
      </c>
      <c r="C23" s="5">
        <v>0.32600000000000001</v>
      </c>
      <c r="D23" s="5">
        <v>3.4000000000000002E-2</v>
      </c>
      <c r="E23" s="5">
        <v>0.96599999999999997</v>
      </c>
      <c r="F23" s="5">
        <v>3.4000000000000002E-2</v>
      </c>
      <c r="G23" s="5">
        <v>0.96599999999999997</v>
      </c>
    </row>
    <row r="24" spans="1:7">
      <c r="A24" s="56" t="s">
        <v>171</v>
      </c>
      <c r="B24" s="6">
        <v>40</v>
      </c>
      <c r="C24" s="6">
        <v>22</v>
      </c>
      <c r="D24" s="6">
        <v>3</v>
      </c>
      <c r="E24" s="6">
        <v>59</v>
      </c>
      <c r="F24" s="6">
        <v>4</v>
      </c>
      <c r="G24" s="6">
        <v>58</v>
      </c>
    </row>
    <row r="25" spans="1:7">
      <c r="A25" s="57"/>
      <c r="B25" s="5">
        <v>0.64500000000000002</v>
      </c>
      <c r="C25" s="5">
        <v>0.35499999999999998</v>
      </c>
      <c r="D25" s="5">
        <v>4.8000000000000001E-2</v>
      </c>
      <c r="E25" s="5">
        <v>0.95199999999999996</v>
      </c>
      <c r="F25" s="5">
        <v>6.5000000000000002E-2</v>
      </c>
      <c r="G25" s="5">
        <v>0.93500000000000005</v>
      </c>
    </row>
    <row r="26" spans="1:7">
      <c r="A26" s="56" t="s">
        <v>29</v>
      </c>
      <c r="B26" s="4">
        <v>1495</v>
      </c>
      <c r="C26" s="4">
        <v>769</v>
      </c>
      <c r="D26" s="4">
        <v>65</v>
      </c>
      <c r="E26" s="4">
        <v>2199</v>
      </c>
      <c r="F26" s="4">
        <v>85</v>
      </c>
      <c r="G26" s="4">
        <v>2179</v>
      </c>
    </row>
    <row r="27" spans="1:7">
      <c r="A27" s="57"/>
      <c r="B27" s="5">
        <v>0.66</v>
      </c>
      <c r="C27" s="5">
        <v>0.34</v>
      </c>
      <c r="D27" s="5">
        <v>2.9000000000000001E-2</v>
      </c>
      <c r="E27" s="5">
        <v>0.97099999999999997</v>
      </c>
      <c r="F27" s="5">
        <v>3.7999999999999999E-2</v>
      </c>
      <c r="G27" s="5">
        <v>0.96199999999999997</v>
      </c>
    </row>
    <row r="29" spans="1:7" ht="46.5" customHeight="1">
      <c r="A29" s="73" t="s">
        <v>216</v>
      </c>
      <c r="B29" s="62" t="s">
        <v>246</v>
      </c>
      <c r="C29" s="63"/>
      <c r="D29" s="62" t="s">
        <v>247</v>
      </c>
      <c r="E29" s="63"/>
      <c r="F29" s="62" t="s">
        <v>248</v>
      </c>
      <c r="G29" s="64"/>
    </row>
    <row r="30" spans="1:7">
      <c r="A30" s="77"/>
      <c r="B30" s="8" t="s">
        <v>190</v>
      </c>
      <c r="C30" s="8" t="s">
        <v>191</v>
      </c>
      <c r="D30" s="8" t="s">
        <v>190</v>
      </c>
      <c r="E30" s="8" t="s">
        <v>191</v>
      </c>
      <c r="F30" s="8" t="s">
        <v>190</v>
      </c>
      <c r="G30" s="8" t="s">
        <v>191</v>
      </c>
    </row>
    <row r="31" spans="1:7">
      <c r="A31" s="56" t="s">
        <v>217</v>
      </c>
      <c r="B31" s="4">
        <v>47</v>
      </c>
      <c r="C31" s="4">
        <v>905</v>
      </c>
      <c r="D31" s="4">
        <v>1</v>
      </c>
      <c r="E31" s="4">
        <v>951</v>
      </c>
      <c r="F31" s="4">
        <v>17</v>
      </c>
      <c r="G31" s="4">
        <v>935</v>
      </c>
    </row>
    <row r="32" spans="1:7">
      <c r="A32" s="61"/>
      <c r="B32" s="5">
        <v>4.9000000000000002E-2</v>
      </c>
      <c r="C32" s="5">
        <v>0.95099999999999996</v>
      </c>
      <c r="D32" s="5">
        <v>1E-3</v>
      </c>
      <c r="E32" s="5">
        <v>0.999</v>
      </c>
      <c r="F32" s="5">
        <v>1.7999999999999999E-2</v>
      </c>
      <c r="G32" s="5">
        <v>0.98199999999999998</v>
      </c>
    </row>
    <row r="33" spans="1:7">
      <c r="A33" s="56" t="s">
        <v>575</v>
      </c>
      <c r="B33" s="4">
        <v>52</v>
      </c>
      <c r="C33" s="4">
        <v>1020</v>
      </c>
      <c r="D33" s="4">
        <v>5</v>
      </c>
      <c r="E33" s="4">
        <v>1067</v>
      </c>
      <c r="F33" s="4">
        <v>17</v>
      </c>
      <c r="G33" s="4">
        <v>1055</v>
      </c>
    </row>
    <row r="34" spans="1:7">
      <c r="A34" s="57"/>
      <c r="B34" s="5">
        <v>4.9000000000000002E-2</v>
      </c>
      <c r="C34" s="5">
        <v>0.95099999999999996</v>
      </c>
      <c r="D34" s="5">
        <v>5.0000000000000001E-3</v>
      </c>
      <c r="E34" s="5">
        <v>0.995</v>
      </c>
      <c r="F34" s="5">
        <v>1.6E-2</v>
      </c>
      <c r="G34" s="5">
        <v>0.98399999999999999</v>
      </c>
    </row>
    <row r="35" spans="1:7">
      <c r="A35" s="56" t="s">
        <v>513</v>
      </c>
      <c r="B35" s="6">
        <v>8</v>
      </c>
      <c r="C35" s="6">
        <v>170</v>
      </c>
      <c r="D35" s="6">
        <v>0</v>
      </c>
      <c r="E35" s="6">
        <v>178</v>
      </c>
      <c r="F35" s="6">
        <v>3</v>
      </c>
      <c r="G35" s="6">
        <v>175</v>
      </c>
    </row>
    <row r="36" spans="1:7">
      <c r="A36" s="57"/>
      <c r="B36" s="5">
        <v>4.4999999999999998E-2</v>
      </c>
      <c r="C36" s="5">
        <v>0.95499999999999996</v>
      </c>
      <c r="D36" s="5">
        <v>0</v>
      </c>
      <c r="E36" s="5">
        <v>1</v>
      </c>
      <c r="F36" s="5">
        <v>1.7000000000000001E-2</v>
      </c>
      <c r="G36" s="5">
        <v>0.98299999999999998</v>
      </c>
    </row>
    <row r="37" spans="1:7">
      <c r="A37" s="56" t="s">
        <v>171</v>
      </c>
      <c r="B37" s="6">
        <v>5</v>
      </c>
      <c r="C37" s="6">
        <v>57</v>
      </c>
      <c r="D37" s="6">
        <v>0</v>
      </c>
      <c r="E37" s="6">
        <v>62</v>
      </c>
      <c r="F37" s="6">
        <v>5</v>
      </c>
      <c r="G37" s="6">
        <v>57</v>
      </c>
    </row>
    <row r="38" spans="1:7">
      <c r="A38" s="57"/>
      <c r="B38" s="5">
        <v>8.1000000000000003E-2</v>
      </c>
      <c r="C38" s="5">
        <v>0.91900000000000004</v>
      </c>
      <c r="D38" s="5">
        <v>0</v>
      </c>
      <c r="E38" s="5">
        <v>1</v>
      </c>
      <c r="F38" s="5">
        <v>8.1000000000000003E-2</v>
      </c>
      <c r="G38" s="5">
        <v>0.91900000000000004</v>
      </c>
    </row>
    <row r="39" spans="1:7">
      <c r="A39" s="56" t="s">
        <v>29</v>
      </c>
      <c r="B39" s="4">
        <v>112</v>
      </c>
      <c r="C39" s="4">
        <v>2152</v>
      </c>
      <c r="D39" s="4">
        <v>6</v>
      </c>
      <c r="E39" s="4">
        <v>2258</v>
      </c>
      <c r="F39" s="4">
        <v>42</v>
      </c>
      <c r="G39" s="4">
        <v>2222</v>
      </c>
    </row>
    <row r="40" spans="1:7">
      <c r="A40" s="57"/>
      <c r="B40" s="5">
        <v>4.9000000000000002E-2</v>
      </c>
      <c r="C40" s="5">
        <v>0.95099999999999996</v>
      </c>
      <c r="D40" s="5">
        <v>3.0000000000000001E-3</v>
      </c>
      <c r="E40" s="5">
        <v>0.997</v>
      </c>
      <c r="F40" s="5">
        <v>1.9E-2</v>
      </c>
      <c r="G40" s="5">
        <v>0.98099999999999998</v>
      </c>
    </row>
    <row r="41" spans="1:7">
      <c r="A41" s="54" t="s">
        <v>631</v>
      </c>
      <c r="B41" s="54"/>
      <c r="C41" s="54"/>
      <c r="D41" s="54"/>
      <c r="E41" s="54"/>
      <c r="F41" s="54"/>
      <c r="G41" s="54"/>
    </row>
    <row r="42" spans="1:7">
      <c r="A42" s="55"/>
      <c r="B42" s="55"/>
      <c r="C42" s="55"/>
      <c r="D42" s="55"/>
      <c r="E42" s="55"/>
      <c r="F42" s="55"/>
      <c r="G42" s="55"/>
    </row>
  </sheetData>
  <mergeCells count="28">
    <mergeCell ref="F16:G16"/>
    <mergeCell ref="A3:A4"/>
    <mergeCell ref="B3:C3"/>
    <mergeCell ref="D3:E3"/>
    <mergeCell ref="F3:G3"/>
    <mergeCell ref="A5:A6"/>
    <mergeCell ref="B16:C16"/>
    <mergeCell ref="D16:E16"/>
    <mergeCell ref="A24:A25"/>
    <mergeCell ref="A26:A27"/>
    <mergeCell ref="A7:A8"/>
    <mergeCell ref="A9:A10"/>
    <mergeCell ref="A11:A12"/>
    <mergeCell ref="A13:A14"/>
    <mergeCell ref="A18:A19"/>
    <mergeCell ref="A16:A17"/>
    <mergeCell ref="A20:A21"/>
    <mergeCell ref="A22:A23"/>
    <mergeCell ref="A41:G42"/>
    <mergeCell ref="B29:C29"/>
    <mergeCell ref="A31:A32"/>
    <mergeCell ref="A33:A34"/>
    <mergeCell ref="A35:A36"/>
    <mergeCell ref="A37:A38"/>
    <mergeCell ref="A39:A40"/>
    <mergeCell ref="A29:A30"/>
    <mergeCell ref="D29:E29"/>
    <mergeCell ref="F29:G29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0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43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6</v>
      </c>
      <c r="B3" s="53" t="s">
        <v>122</v>
      </c>
      <c r="C3" s="53"/>
      <c r="D3" s="53"/>
      <c r="E3" s="53"/>
      <c r="F3" s="2"/>
    </row>
    <row r="4" spans="1:6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56" t="s">
        <v>217</v>
      </c>
      <c r="B5" s="4">
        <v>815</v>
      </c>
      <c r="C5" s="4">
        <v>768</v>
      </c>
      <c r="D5" s="4">
        <v>8</v>
      </c>
      <c r="E5" s="4">
        <v>1591</v>
      </c>
    </row>
    <row r="6" spans="1:6">
      <c r="A6" s="61"/>
      <c r="B6" s="5">
        <v>0.51200000000000001</v>
      </c>
      <c r="C6" s="5">
        <v>0.48299999999999998</v>
      </c>
      <c r="D6" s="5">
        <v>5.0000000000000001E-3</v>
      </c>
      <c r="E6" s="5">
        <v>1</v>
      </c>
    </row>
    <row r="7" spans="1:6">
      <c r="A7" s="56" t="s">
        <v>575</v>
      </c>
      <c r="B7" s="6">
        <v>962</v>
      </c>
      <c r="C7" s="6">
        <v>659</v>
      </c>
      <c r="D7" s="6">
        <v>4</v>
      </c>
      <c r="E7" s="4">
        <v>1625</v>
      </c>
    </row>
    <row r="8" spans="1:6">
      <c r="A8" s="57"/>
      <c r="B8" s="5">
        <v>0.59199999999999997</v>
      </c>
      <c r="C8" s="5">
        <v>0.40600000000000003</v>
      </c>
      <c r="D8" s="5">
        <v>2E-3</v>
      </c>
      <c r="E8" s="5">
        <v>1</v>
      </c>
    </row>
    <row r="9" spans="1:6">
      <c r="A9" s="56" t="s">
        <v>513</v>
      </c>
      <c r="B9" s="6">
        <v>155</v>
      </c>
      <c r="C9" s="6">
        <v>100</v>
      </c>
      <c r="D9" s="6">
        <v>1</v>
      </c>
      <c r="E9" s="4">
        <v>256</v>
      </c>
    </row>
    <row r="10" spans="1:6">
      <c r="A10" s="57"/>
      <c r="B10" s="5">
        <v>0.60499999999999998</v>
      </c>
      <c r="C10" s="5">
        <v>0.39100000000000001</v>
      </c>
      <c r="D10" s="5">
        <v>4.0000000000000001E-3</v>
      </c>
      <c r="E10" s="5">
        <v>1</v>
      </c>
    </row>
    <row r="11" spans="1:6" ht="14.25" customHeight="1">
      <c r="A11" s="56" t="s">
        <v>171</v>
      </c>
      <c r="B11" s="6">
        <v>55</v>
      </c>
      <c r="C11" s="6">
        <v>44</v>
      </c>
      <c r="D11" s="6">
        <v>1</v>
      </c>
      <c r="E11" s="4">
        <v>100</v>
      </c>
    </row>
    <row r="12" spans="1:6">
      <c r="A12" s="57"/>
      <c r="B12" s="5">
        <v>0.55000000000000004</v>
      </c>
      <c r="C12" s="5">
        <v>0.44</v>
      </c>
      <c r="D12" s="5">
        <v>0.01</v>
      </c>
      <c r="E12" s="5">
        <v>1</v>
      </c>
    </row>
    <row r="13" spans="1:6">
      <c r="A13" s="56" t="s">
        <v>29</v>
      </c>
      <c r="B13" s="4">
        <v>1987</v>
      </c>
      <c r="C13" s="4">
        <v>1571</v>
      </c>
      <c r="D13" s="4">
        <v>14</v>
      </c>
      <c r="E13" s="4">
        <v>3572</v>
      </c>
    </row>
    <row r="14" spans="1:6">
      <c r="A14" s="57"/>
      <c r="B14" s="5">
        <v>0.55600000000000005</v>
      </c>
      <c r="C14" s="5">
        <v>0.44</v>
      </c>
      <c r="D14" s="5">
        <v>4.0000000000000001E-3</v>
      </c>
      <c r="E14" s="5">
        <v>1</v>
      </c>
    </row>
    <row r="15" spans="1:6">
      <c r="A15" s="54" t="s">
        <v>123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5:E16"/>
    <mergeCell ref="A9:A10"/>
    <mergeCell ref="A7:A8"/>
    <mergeCell ref="A3:A4"/>
    <mergeCell ref="B3:E3"/>
    <mergeCell ref="A5:A6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1"/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44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6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217</v>
      </c>
      <c r="B5" s="4">
        <v>563</v>
      </c>
      <c r="C5" s="4">
        <v>208</v>
      </c>
      <c r="D5" s="4">
        <v>44</v>
      </c>
      <c r="E5" s="4">
        <v>815</v>
      </c>
    </row>
    <row r="6" spans="1:6">
      <c r="A6" s="61"/>
      <c r="B6" s="5">
        <v>0.69099999999999995</v>
      </c>
      <c r="C6" s="5">
        <v>0.255</v>
      </c>
      <c r="D6" s="5">
        <v>5.3999999999999999E-2</v>
      </c>
      <c r="E6" s="5">
        <v>1</v>
      </c>
    </row>
    <row r="7" spans="1:6">
      <c r="A7" s="56" t="s">
        <v>575</v>
      </c>
      <c r="B7" s="6">
        <v>704</v>
      </c>
      <c r="C7" s="6">
        <v>194</v>
      </c>
      <c r="D7" s="6">
        <v>64</v>
      </c>
      <c r="E7" s="4">
        <v>962</v>
      </c>
    </row>
    <row r="8" spans="1:6">
      <c r="A8" s="61"/>
      <c r="B8" s="5">
        <v>0.73199999999999998</v>
      </c>
      <c r="C8" s="5">
        <v>0.20200000000000001</v>
      </c>
      <c r="D8" s="5">
        <v>6.7000000000000004E-2</v>
      </c>
      <c r="E8" s="5">
        <v>1</v>
      </c>
    </row>
    <row r="9" spans="1:6">
      <c r="A9" s="56" t="s">
        <v>513</v>
      </c>
      <c r="B9" s="6">
        <v>117</v>
      </c>
      <c r="C9" s="6">
        <v>37</v>
      </c>
      <c r="D9" s="6">
        <v>1</v>
      </c>
      <c r="E9" s="4">
        <v>155</v>
      </c>
    </row>
    <row r="10" spans="1:6">
      <c r="A10" s="61"/>
      <c r="B10" s="5">
        <v>0.755</v>
      </c>
      <c r="C10" s="5">
        <v>0.23899999999999999</v>
      </c>
      <c r="D10" s="5">
        <v>6.0000000000000001E-3</v>
      </c>
      <c r="E10" s="5">
        <v>1</v>
      </c>
    </row>
    <row r="11" spans="1:6" ht="14.25" customHeight="1">
      <c r="A11" s="56" t="s">
        <v>171</v>
      </c>
      <c r="B11" s="6">
        <v>32</v>
      </c>
      <c r="C11" s="6">
        <v>11</v>
      </c>
      <c r="D11" s="6">
        <v>12</v>
      </c>
      <c r="E11" s="4">
        <v>55</v>
      </c>
    </row>
    <row r="12" spans="1:6">
      <c r="A12" s="57"/>
      <c r="B12" s="5">
        <v>0.58199999999999996</v>
      </c>
      <c r="C12" s="5">
        <v>0.2</v>
      </c>
      <c r="D12" s="5">
        <v>0.218</v>
      </c>
      <c r="E12" s="5">
        <v>1</v>
      </c>
    </row>
    <row r="13" spans="1:6">
      <c r="A13" s="56" t="s">
        <v>29</v>
      </c>
      <c r="B13" s="4">
        <v>1416</v>
      </c>
      <c r="C13" s="4">
        <v>450</v>
      </c>
      <c r="D13" s="4">
        <v>121</v>
      </c>
      <c r="E13" s="4">
        <v>1987</v>
      </c>
    </row>
    <row r="14" spans="1:6">
      <c r="A14" s="57"/>
      <c r="B14" s="5">
        <v>0.71299999999999997</v>
      </c>
      <c r="C14" s="5">
        <v>0.22600000000000001</v>
      </c>
      <c r="D14" s="5">
        <v>6.0999999999999999E-2</v>
      </c>
      <c r="E14" s="5">
        <v>1</v>
      </c>
    </row>
    <row r="15" spans="1:6">
      <c r="A15" s="54" t="s">
        <v>125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5:E16"/>
    <mergeCell ref="A7:A8"/>
    <mergeCell ref="A9:A10"/>
    <mergeCell ref="A3:A4"/>
    <mergeCell ref="B3:E3"/>
    <mergeCell ref="A5:A6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"/>
  <dimension ref="A1:N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9" width="9" style="1"/>
    <col min="10" max="10" width="7" style="1" customWidth="1"/>
    <col min="11" max="16384" width="9" style="1"/>
  </cols>
  <sheetData>
    <row r="1" spans="1:14">
      <c r="A1" s="1" t="s">
        <v>509</v>
      </c>
    </row>
    <row r="2" spans="1:14" ht="14.25" customHeight="1">
      <c r="A2" s="41" t="s">
        <v>812</v>
      </c>
      <c r="C2" s="7"/>
      <c r="D2" s="7"/>
      <c r="E2" s="7"/>
    </row>
    <row r="3" spans="1:14" ht="14.25" customHeight="1">
      <c r="A3" s="60" t="s">
        <v>168</v>
      </c>
      <c r="B3" s="53" t="s">
        <v>39</v>
      </c>
      <c r="C3" s="53"/>
      <c r="D3" s="53"/>
      <c r="E3" s="53"/>
      <c r="F3" s="2"/>
    </row>
    <row r="4" spans="1:14">
      <c r="A4" s="60"/>
      <c r="B4" s="3" t="s">
        <v>132</v>
      </c>
      <c r="C4" s="3" t="s">
        <v>133</v>
      </c>
      <c r="D4" s="3" t="s">
        <v>42</v>
      </c>
      <c r="E4" s="3" t="s">
        <v>134</v>
      </c>
    </row>
    <row r="5" spans="1:14">
      <c r="A5" s="56" t="s">
        <v>169</v>
      </c>
      <c r="B5" s="4">
        <v>1540</v>
      </c>
      <c r="C5" s="4">
        <v>292</v>
      </c>
      <c r="D5" s="4">
        <v>8</v>
      </c>
      <c r="E5" s="4">
        <v>1840</v>
      </c>
    </row>
    <row r="6" spans="1:14">
      <c r="A6" s="61"/>
      <c r="B6" s="5">
        <v>0.83699999999999997</v>
      </c>
      <c r="C6" s="5">
        <v>0.159</v>
      </c>
      <c r="D6" s="5">
        <v>4.0000000000000001E-3</v>
      </c>
      <c r="E6" s="5">
        <v>1</v>
      </c>
    </row>
    <row r="7" spans="1:14">
      <c r="A7" s="56" t="s">
        <v>170</v>
      </c>
      <c r="B7" s="4">
        <v>1590</v>
      </c>
      <c r="C7" s="4">
        <v>237</v>
      </c>
      <c r="D7" s="4">
        <v>14</v>
      </c>
      <c r="E7" s="4">
        <v>1841</v>
      </c>
    </row>
    <row r="8" spans="1:14">
      <c r="A8" s="57"/>
      <c r="B8" s="5">
        <v>0.86399999999999999</v>
      </c>
      <c r="C8" s="5">
        <v>0.129</v>
      </c>
      <c r="D8" s="5">
        <v>8.0000000000000002E-3</v>
      </c>
      <c r="E8" s="5">
        <v>1</v>
      </c>
      <c r="J8" s="9"/>
      <c r="K8" s="9"/>
      <c r="L8" s="9"/>
      <c r="M8" s="9"/>
      <c r="N8" s="9"/>
    </row>
    <row r="9" spans="1:14">
      <c r="A9" s="56" t="s">
        <v>171</v>
      </c>
      <c r="B9" s="6">
        <v>3</v>
      </c>
      <c r="C9" s="6">
        <v>1</v>
      </c>
      <c r="D9" s="6">
        <v>0</v>
      </c>
      <c r="E9" s="6">
        <v>4</v>
      </c>
    </row>
    <row r="10" spans="1:14">
      <c r="A10" s="57"/>
      <c r="B10" s="5">
        <v>0.75</v>
      </c>
      <c r="C10" s="5">
        <v>0.25</v>
      </c>
      <c r="D10" s="5">
        <v>0</v>
      </c>
      <c r="E10" s="5">
        <v>1</v>
      </c>
      <c r="J10" s="9"/>
      <c r="K10" s="9"/>
      <c r="L10" s="9"/>
      <c r="M10" s="9"/>
      <c r="N10" s="9"/>
    </row>
    <row r="11" spans="1:14">
      <c r="A11" s="56" t="s">
        <v>29</v>
      </c>
      <c r="B11" s="4">
        <v>3133</v>
      </c>
      <c r="C11" s="4">
        <v>530</v>
      </c>
      <c r="D11" s="4">
        <v>22</v>
      </c>
      <c r="E11" s="4">
        <v>3685</v>
      </c>
    </row>
    <row r="12" spans="1:14">
      <c r="A12" s="57"/>
      <c r="B12" s="5">
        <v>0.85</v>
      </c>
      <c r="C12" s="5">
        <v>0.14399999999999999</v>
      </c>
      <c r="D12" s="5">
        <v>6.0000000000000001E-3</v>
      </c>
      <c r="E12" s="5">
        <v>1</v>
      </c>
      <c r="J12" s="9"/>
      <c r="K12" s="9"/>
      <c r="L12" s="9"/>
      <c r="M12" s="9"/>
      <c r="N12" s="9"/>
    </row>
    <row r="13" spans="1:14">
      <c r="A13" s="54" t="s">
        <v>37</v>
      </c>
      <c r="B13" s="54"/>
      <c r="C13" s="54"/>
      <c r="D13" s="54"/>
      <c r="E13" s="54"/>
    </row>
    <row r="14" spans="1:14">
      <c r="A14" s="55"/>
      <c r="B14" s="55"/>
      <c r="C14" s="55"/>
      <c r="D14" s="55"/>
      <c r="E14" s="55"/>
      <c r="J14" s="9"/>
      <c r="K14" s="9"/>
      <c r="L14" s="9"/>
      <c r="M14" s="9"/>
      <c r="N14" s="9"/>
    </row>
  </sheetData>
  <mergeCells count="7">
    <mergeCell ref="A11:A12"/>
    <mergeCell ref="A13:E14"/>
    <mergeCell ref="A3:A4"/>
    <mergeCell ref="B3:E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2"/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45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6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56" t="s">
        <v>217</v>
      </c>
      <c r="B5" s="4">
        <v>286</v>
      </c>
      <c r="C5" s="4">
        <v>561</v>
      </c>
      <c r="D5" s="4">
        <v>450</v>
      </c>
      <c r="E5" s="4">
        <v>240</v>
      </c>
      <c r="F5" s="4">
        <v>54</v>
      </c>
      <c r="G5" s="4">
        <v>1591</v>
      </c>
    </row>
    <row r="6" spans="1:8">
      <c r="A6" s="61"/>
      <c r="B6" s="5">
        <v>0.18</v>
      </c>
      <c r="C6" s="5">
        <v>0.35299999999999998</v>
      </c>
      <c r="D6" s="5">
        <v>0.28299999999999997</v>
      </c>
      <c r="E6" s="5">
        <v>0.151</v>
      </c>
      <c r="F6" s="5">
        <v>3.4000000000000002E-2</v>
      </c>
      <c r="G6" s="5">
        <v>1</v>
      </c>
    </row>
    <row r="7" spans="1:8">
      <c r="A7" s="56" t="s">
        <v>575</v>
      </c>
      <c r="B7" s="6">
        <v>240</v>
      </c>
      <c r="C7" s="6">
        <v>534</v>
      </c>
      <c r="D7" s="6">
        <v>493</v>
      </c>
      <c r="E7" s="6">
        <v>311</v>
      </c>
      <c r="F7" s="6">
        <v>47</v>
      </c>
      <c r="G7" s="4">
        <v>1625</v>
      </c>
    </row>
    <row r="8" spans="1:8">
      <c r="A8" s="57"/>
      <c r="B8" s="5">
        <v>0.14799999999999999</v>
      </c>
      <c r="C8" s="5">
        <v>0.32900000000000001</v>
      </c>
      <c r="D8" s="5">
        <v>0.30299999999999999</v>
      </c>
      <c r="E8" s="5">
        <v>0.191</v>
      </c>
      <c r="F8" s="5">
        <v>2.9000000000000001E-2</v>
      </c>
      <c r="G8" s="5">
        <v>1</v>
      </c>
    </row>
    <row r="9" spans="1:8">
      <c r="A9" s="56" t="s">
        <v>513</v>
      </c>
      <c r="B9" s="6">
        <v>41</v>
      </c>
      <c r="C9" s="6">
        <v>84</v>
      </c>
      <c r="D9" s="6">
        <v>79</v>
      </c>
      <c r="E9" s="6">
        <v>44</v>
      </c>
      <c r="F9" s="6">
        <v>8</v>
      </c>
      <c r="G9" s="4">
        <v>256</v>
      </c>
    </row>
    <row r="10" spans="1:8">
      <c r="A10" s="57"/>
      <c r="B10" s="5">
        <v>0.16</v>
      </c>
      <c r="C10" s="5">
        <v>0.32800000000000001</v>
      </c>
      <c r="D10" s="5">
        <v>0.309</v>
      </c>
      <c r="E10" s="5">
        <v>0.17199999999999999</v>
      </c>
      <c r="F10" s="5">
        <v>3.1E-2</v>
      </c>
      <c r="G10" s="5">
        <v>1</v>
      </c>
    </row>
    <row r="11" spans="1:8" ht="14.25" customHeight="1">
      <c r="A11" s="56" t="s">
        <v>171</v>
      </c>
      <c r="B11" s="6">
        <v>7</v>
      </c>
      <c r="C11" s="6">
        <v>39</v>
      </c>
      <c r="D11" s="6">
        <v>30</v>
      </c>
      <c r="E11" s="6">
        <v>21</v>
      </c>
      <c r="F11" s="6">
        <v>3</v>
      </c>
      <c r="G11" s="4">
        <v>100</v>
      </c>
    </row>
    <row r="12" spans="1:8">
      <c r="A12" s="57"/>
      <c r="B12" s="5">
        <v>7.0000000000000007E-2</v>
      </c>
      <c r="C12" s="5">
        <v>0.39</v>
      </c>
      <c r="D12" s="5">
        <v>0.3</v>
      </c>
      <c r="E12" s="5">
        <v>0.21</v>
      </c>
      <c r="F12" s="5">
        <v>0.03</v>
      </c>
      <c r="G12" s="5">
        <v>1</v>
      </c>
    </row>
    <row r="13" spans="1:8">
      <c r="A13" s="56" t="s">
        <v>29</v>
      </c>
      <c r="B13" s="4">
        <v>574</v>
      </c>
      <c r="C13" s="4">
        <v>1218</v>
      </c>
      <c r="D13" s="4">
        <v>1052</v>
      </c>
      <c r="E13" s="4">
        <v>616</v>
      </c>
      <c r="F13" s="4">
        <v>112</v>
      </c>
      <c r="G13" s="4">
        <v>3572</v>
      </c>
    </row>
    <row r="14" spans="1:8">
      <c r="A14" s="57"/>
      <c r="B14" s="5">
        <v>0.161</v>
      </c>
      <c r="C14" s="5">
        <v>0.34100000000000003</v>
      </c>
      <c r="D14" s="5">
        <v>0.29499999999999998</v>
      </c>
      <c r="E14" s="5">
        <v>0.17199999999999999</v>
      </c>
      <c r="F14" s="5">
        <v>3.1E-2</v>
      </c>
      <c r="G14" s="5">
        <v>1</v>
      </c>
    </row>
    <row r="15" spans="1:8">
      <c r="A15" s="54" t="s">
        <v>127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5:G16"/>
    <mergeCell ref="A7:A8"/>
    <mergeCell ref="A9:A10"/>
    <mergeCell ref="A3:A4"/>
    <mergeCell ref="B3:G3"/>
    <mergeCell ref="A5:A6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3"/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46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6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56" t="s">
        <v>217</v>
      </c>
      <c r="B5" s="4">
        <v>69</v>
      </c>
      <c r="C5" s="4">
        <v>1206</v>
      </c>
      <c r="D5" s="4">
        <v>315</v>
      </c>
      <c r="E5" s="4">
        <v>1</v>
      </c>
      <c r="F5" s="4">
        <v>1591</v>
      </c>
    </row>
    <row r="6" spans="1:7">
      <c r="A6" s="61"/>
      <c r="B6" s="5">
        <v>4.2999999999999997E-2</v>
      </c>
      <c r="C6" s="5">
        <v>0.75800000000000001</v>
      </c>
      <c r="D6" s="5">
        <v>0.19800000000000001</v>
      </c>
      <c r="E6" s="5">
        <v>1E-3</v>
      </c>
      <c r="F6" s="5">
        <v>1</v>
      </c>
    </row>
    <row r="7" spans="1:7">
      <c r="A7" s="56" t="s">
        <v>575</v>
      </c>
      <c r="B7" s="4">
        <v>87</v>
      </c>
      <c r="C7" s="4">
        <v>1255</v>
      </c>
      <c r="D7" s="4">
        <v>281</v>
      </c>
      <c r="E7" s="4">
        <v>2</v>
      </c>
      <c r="F7" s="4">
        <v>1625</v>
      </c>
    </row>
    <row r="8" spans="1:7">
      <c r="A8" s="57"/>
      <c r="B8" s="5">
        <v>5.3999999999999999E-2</v>
      </c>
      <c r="C8" s="5">
        <v>0.77200000000000002</v>
      </c>
      <c r="D8" s="5">
        <v>0.17299999999999999</v>
      </c>
      <c r="E8" s="5">
        <v>1E-3</v>
      </c>
      <c r="F8" s="5">
        <v>1</v>
      </c>
    </row>
    <row r="9" spans="1:7">
      <c r="A9" s="56" t="s">
        <v>513</v>
      </c>
      <c r="B9" s="6">
        <v>9</v>
      </c>
      <c r="C9" s="6">
        <v>212</v>
      </c>
      <c r="D9" s="6">
        <v>34</v>
      </c>
      <c r="E9" s="6">
        <v>1</v>
      </c>
      <c r="F9" s="4">
        <v>256</v>
      </c>
    </row>
    <row r="10" spans="1:7">
      <c r="A10" s="57"/>
      <c r="B10" s="5">
        <v>3.5000000000000003E-2</v>
      </c>
      <c r="C10" s="5">
        <v>0.82799999999999996</v>
      </c>
      <c r="D10" s="5">
        <v>0.13300000000000001</v>
      </c>
      <c r="E10" s="5">
        <v>4.0000000000000001E-3</v>
      </c>
      <c r="F10" s="5">
        <v>1</v>
      </c>
    </row>
    <row r="11" spans="1:7" ht="14.25" customHeight="1">
      <c r="A11" s="56" t="s">
        <v>171</v>
      </c>
      <c r="B11" s="6">
        <v>8</v>
      </c>
      <c r="C11" s="6">
        <v>73</v>
      </c>
      <c r="D11" s="6">
        <v>18</v>
      </c>
      <c r="E11" s="6">
        <v>1</v>
      </c>
      <c r="F11" s="4">
        <v>100</v>
      </c>
    </row>
    <row r="12" spans="1:7">
      <c r="A12" s="57"/>
      <c r="B12" s="5">
        <v>0.08</v>
      </c>
      <c r="C12" s="5">
        <v>0.73</v>
      </c>
      <c r="D12" s="5">
        <v>0.18</v>
      </c>
      <c r="E12" s="5">
        <v>0.01</v>
      </c>
      <c r="F12" s="5">
        <v>1</v>
      </c>
    </row>
    <row r="13" spans="1:7">
      <c r="A13" s="56" t="s">
        <v>29</v>
      </c>
      <c r="B13" s="4">
        <v>173</v>
      </c>
      <c r="C13" s="4">
        <v>2746</v>
      </c>
      <c r="D13" s="4">
        <v>648</v>
      </c>
      <c r="E13" s="4">
        <v>5</v>
      </c>
      <c r="F13" s="4">
        <v>3572</v>
      </c>
    </row>
    <row r="14" spans="1:7">
      <c r="A14" s="57"/>
      <c r="B14" s="5">
        <v>4.8000000000000001E-2</v>
      </c>
      <c r="C14" s="5">
        <v>0.76900000000000002</v>
      </c>
      <c r="D14" s="5">
        <v>0.18099999999999999</v>
      </c>
      <c r="E14" s="5">
        <v>1E-3</v>
      </c>
      <c r="F14" s="5">
        <v>1</v>
      </c>
    </row>
    <row r="15" spans="1:7">
      <c r="A15" s="54" t="s">
        <v>129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5:F16"/>
    <mergeCell ref="A7:A8"/>
    <mergeCell ref="A9:A10"/>
    <mergeCell ref="A3:A4"/>
    <mergeCell ref="B3:F3"/>
    <mergeCell ref="A5:A6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4"/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47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6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56" t="s">
        <v>217</v>
      </c>
      <c r="B5" s="4">
        <v>48</v>
      </c>
      <c r="C5" s="4">
        <v>13</v>
      </c>
      <c r="D5" s="4">
        <v>5</v>
      </c>
      <c r="E5" s="4">
        <v>3</v>
      </c>
      <c r="F5" s="4">
        <v>0</v>
      </c>
      <c r="G5" s="4">
        <v>69</v>
      </c>
    </row>
    <row r="6" spans="1:8">
      <c r="A6" s="61"/>
      <c r="B6" s="5">
        <v>0.69599999999999995</v>
      </c>
      <c r="C6" s="5">
        <v>0.188</v>
      </c>
      <c r="D6" s="5">
        <v>7.1999999999999995E-2</v>
      </c>
      <c r="E6" s="5">
        <v>4.2999999999999997E-2</v>
      </c>
      <c r="F6" s="5">
        <v>0</v>
      </c>
      <c r="G6" s="5">
        <v>1</v>
      </c>
    </row>
    <row r="7" spans="1:8">
      <c r="A7" s="56" t="s">
        <v>575</v>
      </c>
      <c r="B7" s="6">
        <v>58</v>
      </c>
      <c r="C7" s="6">
        <v>17</v>
      </c>
      <c r="D7" s="6">
        <v>2</v>
      </c>
      <c r="E7" s="6">
        <v>6</v>
      </c>
      <c r="F7" s="6">
        <v>4</v>
      </c>
      <c r="G7" s="4">
        <v>87</v>
      </c>
    </row>
    <row r="8" spans="1:8">
      <c r="A8" s="57"/>
      <c r="B8" s="5">
        <v>0.66700000000000004</v>
      </c>
      <c r="C8" s="5">
        <v>0.19500000000000001</v>
      </c>
      <c r="D8" s="5">
        <v>2.3E-2</v>
      </c>
      <c r="E8" s="5">
        <v>6.9000000000000006E-2</v>
      </c>
      <c r="F8" s="5">
        <v>4.5999999999999999E-2</v>
      </c>
      <c r="G8" s="5">
        <v>1</v>
      </c>
    </row>
    <row r="9" spans="1:8">
      <c r="A9" s="56" t="s">
        <v>513</v>
      </c>
      <c r="B9" s="6">
        <v>5</v>
      </c>
      <c r="C9" s="6">
        <v>2</v>
      </c>
      <c r="D9" s="6">
        <v>1</v>
      </c>
      <c r="E9" s="6">
        <v>0</v>
      </c>
      <c r="F9" s="6">
        <v>1</v>
      </c>
      <c r="G9" s="4">
        <v>9</v>
      </c>
    </row>
    <row r="10" spans="1:8">
      <c r="A10" s="57"/>
      <c r="B10" s="5">
        <v>0.55600000000000005</v>
      </c>
      <c r="C10" s="5">
        <v>0.222</v>
      </c>
      <c r="D10" s="5">
        <v>0.111</v>
      </c>
      <c r="E10" s="5">
        <v>0</v>
      </c>
      <c r="F10" s="5">
        <v>0.111</v>
      </c>
      <c r="G10" s="5">
        <v>1</v>
      </c>
    </row>
    <row r="11" spans="1:8" ht="14.25" customHeight="1">
      <c r="A11" s="56" t="s">
        <v>171</v>
      </c>
      <c r="B11" s="6">
        <v>3</v>
      </c>
      <c r="C11" s="6">
        <v>2</v>
      </c>
      <c r="D11" s="6">
        <v>0</v>
      </c>
      <c r="E11" s="6">
        <v>1</v>
      </c>
      <c r="F11" s="6">
        <v>2</v>
      </c>
      <c r="G11" s="4">
        <v>8</v>
      </c>
    </row>
    <row r="12" spans="1:8">
      <c r="A12" s="57"/>
      <c r="B12" s="5">
        <v>0.375</v>
      </c>
      <c r="C12" s="5">
        <v>0.25</v>
      </c>
      <c r="D12" s="5">
        <v>0</v>
      </c>
      <c r="E12" s="5">
        <v>0.125</v>
      </c>
      <c r="F12" s="5">
        <v>0.25</v>
      </c>
      <c r="G12" s="5">
        <v>1</v>
      </c>
    </row>
    <row r="13" spans="1:8">
      <c r="A13" s="56" t="s">
        <v>29</v>
      </c>
      <c r="B13" s="6">
        <v>114</v>
      </c>
      <c r="C13" s="6">
        <v>34</v>
      </c>
      <c r="D13" s="6">
        <v>8</v>
      </c>
      <c r="E13" s="6">
        <v>10</v>
      </c>
      <c r="F13" s="6">
        <v>7</v>
      </c>
      <c r="G13" s="6">
        <v>173</v>
      </c>
    </row>
    <row r="14" spans="1:8">
      <c r="A14" s="57"/>
      <c r="B14" s="5">
        <v>0.65900000000000003</v>
      </c>
      <c r="C14" s="5">
        <v>0.19700000000000001</v>
      </c>
      <c r="D14" s="5">
        <v>4.5999999999999999E-2</v>
      </c>
      <c r="E14" s="5">
        <v>5.8000000000000003E-2</v>
      </c>
      <c r="F14" s="5">
        <v>0.04</v>
      </c>
      <c r="G14" s="5">
        <v>1</v>
      </c>
    </row>
    <row r="15" spans="1:8">
      <c r="A15" s="54" t="s">
        <v>131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5:G16"/>
    <mergeCell ref="A9:A10"/>
    <mergeCell ref="A7:A8"/>
    <mergeCell ref="A3:A4"/>
    <mergeCell ref="B3:G3"/>
    <mergeCell ref="A5:A6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4"/>
  <dimension ref="A1:G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48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8</v>
      </c>
      <c r="B3" s="53" t="s">
        <v>114</v>
      </c>
      <c r="C3" s="53"/>
      <c r="D3" s="53"/>
      <c r="E3" s="53"/>
      <c r="F3" s="53"/>
      <c r="G3" s="2"/>
    </row>
    <row r="4" spans="1:7">
      <c r="A4" s="78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7">
      <c r="A5" s="56" t="s">
        <v>219</v>
      </c>
      <c r="B5" s="4">
        <v>660</v>
      </c>
      <c r="C5" s="4">
        <v>1181</v>
      </c>
      <c r="D5" s="4">
        <v>1771</v>
      </c>
      <c r="E5" s="4">
        <v>25</v>
      </c>
      <c r="F5" s="4">
        <v>3637</v>
      </c>
    </row>
    <row r="6" spans="1:7">
      <c r="A6" s="61"/>
      <c r="B6" s="5">
        <v>0.18099999999999999</v>
      </c>
      <c r="C6" s="5">
        <v>0.32500000000000001</v>
      </c>
      <c r="D6" s="5">
        <v>0.48699999999999999</v>
      </c>
      <c r="E6" s="5">
        <v>7.0000000000000001E-3</v>
      </c>
      <c r="F6" s="5">
        <v>1</v>
      </c>
    </row>
    <row r="7" spans="1:7">
      <c r="A7" s="56" t="s">
        <v>220</v>
      </c>
      <c r="B7" s="6">
        <v>9</v>
      </c>
      <c r="C7" s="6">
        <v>11</v>
      </c>
      <c r="D7" s="6">
        <v>18</v>
      </c>
      <c r="E7" s="6">
        <v>1</v>
      </c>
      <c r="F7" s="6">
        <v>39</v>
      </c>
    </row>
    <row r="8" spans="1:7">
      <c r="A8" s="57"/>
      <c r="B8" s="5">
        <v>0.23100000000000001</v>
      </c>
      <c r="C8" s="5">
        <v>0.28199999999999997</v>
      </c>
      <c r="D8" s="5">
        <v>0.46200000000000002</v>
      </c>
      <c r="E8" s="5">
        <v>2.5999999999999999E-2</v>
      </c>
      <c r="F8" s="5">
        <v>1</v>
      </c>
    </row>
    <row r="9" spans="1:7">
      <c r="A9" s="56" t="s">
        <v>171</v>
      </c>
      <c r="B9" s="6">
        <v>1</v>
      </c>
      <c r="C9" s="6">
        <v>0</v>
      </c>
      <c r="D9" s="6">
        <v>3</v>
      </c>
      <c r="E9" s="6">
        <v>5</v>
      </c>
      <c r="F9" s="4">
        <v>9</v>
      </c>
    </row>
    <row r="10" spans="1:7">
      <c r="A10" s="57"/>
      <c r="B10" s="5">
        <v>0.111</v>
      </c>
      <c r="C10" s="5">
        <v>0</v>
      </c>
      <c r="D10" s="5">
        <v>0.33300000000000002</v>
      </c>
      <c r="E10" s="5">
        <v>0.55600000000000005</v>
      </c>
      <c r="F10" s="5">
        <v>1</v>
      </c>
    </row>
    <row r="11" spans="1:7" ht="14.25" customHeight="1">
      <c r="A11" s="56" t="s">
        <v>29</v>
      </c>
      <c r="B11" s="4">
        <v>670</v>
      </c>
      <c r="C11" s="4">
        <v>1192</v>
      </c>
      <c r="D11" s="4">
        <v>1792</v>
      </c>
      <c r="E11" s="4">
        <v>31</v>
      </c>
      <c r="F11" s="4">
        <v>3685</v>
      </c>
    </row>
    <row r="12" spans="1:7">
      <c r="A12" s="57"/>
      <c r="B12" s="5">
        <v>0.182</v>
      </c>
      <c r="C12" s="5">
        <v>0.32300000000000001</v>
      </c>
      <c r="D12" s="5">
        <v>0.48599999999999999</v>
      </c>
      <c r="E12" s="5">
        <v>8.0000000000000002E-3</v>
      </c>
      <c r="F12" s="5">
        <v>1</v>
      </c>
    </row>
    <row r="13" spans="1:7">
      <c r="A13" s="54" t="s">
        <v>115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9:A10"/>
    <mergeCell ref="A11:A12"/>
    <mergeCell ref="A7:A8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5"/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49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8</v>
      </c>
      <c r="B3" s="53" t="s">
        <v>11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8">
      <c r="A5" s="56" t="s">
        <v>219</v>
      </c>
      <c r="B5" s="4">
        <v>2800</v>
      </c>
      <c r="C5" s="4">
        <v>262</v>
      </c>
      <c r="D5" s="4">
        <v>440</v>
      </c>
      <c r="E5" s="4">
        <v>117</v>
      </c>
      <c r="F5" s="4">
        <v>18</v>
      </c>
      <c r="G5" s="4">
        <v>3637</v>
      </c>
    </row>
    <row r="6" spans="1:8">
      <c r="A6" s="61"/>
      <c r="B6" s="5">
        <v>0.77</v>
      </c>
      <c r="C6" s="5">
        <v>7.1999999999999995E-2</v>
      </c>
      <c r="D6" s="5">
        <v>0.121</v>
      </c>
      <c r="E6" s="5">
        <v>3.2000000000000001E-2</v>
      </c>
      <c r="F6" s="5">
        <v>5.0000000000000001E-3</v>
      </c>
      <c r="G6" s="5">
        <v>1</v>
      </c>
    </row>
    <row r="7" spans="1:8">
      <c r="A7" s="56" t="s">
        <v>220</v>
      </c>
      <c r="B7" s="4">
        <v>20</v>
      </c>
      <c r="C7" s="4">
        <v>6</v>
      </c>
      <c r="D7" s="4">
        <v>12</v>
      </c>
      <c r="E7" s="4">
        <v>1</v>
      </c>
      <c r="F7" s="4">
        <v>0</v>
      </c>
      <c r="G7" s="4">
        <v>39</v>
      </c>
    </row>
    <row r="8" spans="1:8">
      <c r="A8" s="57"/>
      <c r="B8" s="5">
        <v>0.51300000000000001</v>
      </c>
      <c r="C8" s="5">
        <v>0.154</v>
      </c>
      <c r="D8" s="5">
        <v>0.308</v>
      </c>
      <c r="E8" s="5">
        <v>2.5999999999999999E-2</v>
      </c>
      <c r="F8" s="5">
        <v>0</v>
      </c>
      <c r="G8" s="5">
        <v>1</v>
      </c>
    </row>
    <row r="9" spans="1:8">
      <c r="A9" s="56" t="s">
        <v>171</v>
      </c>
      <c r="B9" s="6">
        <v>5</v>
      </c>
      <c r="C9" s="6">
        <v>0</v>
      </c>
      <c r="D9" s="6">
        <v>1</v>
      </c>
      <c r="E9" s="6">
        <v>2</v>
      </c>
      <c r="F9" s="6">
        <v>1</v>
      </c>
      <c r="G9" s="4">
        <v>9</v>
      </c>
    </row>
    <row r="10" spans="1:8">
      <c r="A10" s="57"/>
      <c r="B10" s="5">
        <v>0.55600000000000005</v>
      </c>
      <c r="C10" s="5">
        <v>0</v>
      </c>
      <c r="D10" s="5">
        <v>0.111</v>
      </c>
      <c r="E10" s="5">
        <v>0.222</v>
      </c>
      <c r="F10" s="5">
        <v>0.111</v>
      </c>
      <c r="G10" s="5">
        <v>1</v>
      </c>
    </row>
    <row r="11" spans="1:8" ht="14.25" customHeight="1">
      <c r="A11" s="56" t="s">
        <v>29</v>
      </c>
      <c r="B11" s="4">
        <v>2825</v>
      </c>
      <c r="C11" s="4">
        <v>268</v>
      </c>
      <c r="D11" s="4">
        <v>453</v>
      </c>
      <c r="E11" s="4">
        <v>120</v>
      </c>
      <c r="F11" s="4">
        <v>19</v>
      </c>
      <c r="G11" s="4">
        <v>3685</v>
      </c>
    </row>
    <row r="12" spans="1:8">
      <c r="A12" s="57"/>
      <c r="B12" s="5">
        <v>0.76700000000000002</v>
      </c>
      <c r="C12" s="5">
        <v>7.2999999999999995E-2</v>
      </c>
      <c r="D12" s="5">
        <v>0.123</v>
      </c>
      <c r="E12" s="5">
        <v>3.3000000000000002E-2</v>
      </c>
      <c r="F12" s="5">
        <v>5.0000000000000001E-3</v>
      </c>
      <c r="G12" s="5">
        <v>1</v>
      </c>
    </row>
    <row r="13" spans="1:8">
      <c r="A13" s="54" t="s">
        <v>119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11:A12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6"/>
  <dimension ref="A1:L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2">
      <c r="A1" s="1" t="s">
        <v>750</v>
      </c>
    </row>
    <row r="2" spans="1:12" ht="14.25" customHeight="1">
      <c r="A2" s="41" t="s">
        <v>812</v>
      </c>
      <c r="C2" s="7"/>
      <c r="D2" s="7"/>
      <c r="E2" s="7"/>
      <c r="F2" s="7"/>
    </row>
    <row r="3" spans="1:12" ht="14.25" customHeight="1">
      <c r="A3" s="78" t="s">
        <v>218</v>
      </c>
      <c r="B3" s="53" t="s">
        <v>117</v>
      </c>
      <c r="C3" s="53"/>
      <c r="D3" s="53"/>
      <c r="E3" s="53"/>
      <c r="F3" s="53"/>
      <c r="G3" s="2"/>
    </row>
    <row r="4" spans="1:12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12">
      <c r="A5" s="56" t="s">
        <v>219</v>
      </c>
      <c r="B5" s="4">
        <v>2037</v>
      </c>
      <c r="C5" s="4">
        <v>1461</v>
      </c>
      <c r="D5" s="4">
        <v>118</v>
      </c>
      <c r="E5" s="4">
        <v>21</v>
      </c>
      <c r="F5" s="4">
        <v>3637</v>
      </c>
    </row>
    <row r="6" spans="1:12">
      <c r="A6" s="61"/>
      <c r="B6" s="5">
        <v>0.56000000000000005</v>
      </c>
      <c r="C6" s="5">
        <v>0.40200000000000002</v>
      </c>
      <c r="D6" s="5">
        <v>3.2000000000000001E-2</v>
      </c>
      <c r="E6" s="5">
        <v>6.0000000000000001E-3</v>
      </c>
      <c r="F6" s="5">
        <v>1</v>
      </c>
      <c r="H6" s="9"/>
      <c r="I6" s="9"/>
      <c r="J6" s="9"/>
      <c r="K6" s="9"/>
      <c r="L6" s="9"/>
    </row>
    <row r="7" spans="1:12">
      <c r="A7" s="56" t="s">
        <v>220</v>
      </c>
      <c r="B7" s="4">
        <v>16</v>
      </c>
      <c r="C7" s="4">
        <v>19</v>
      </c>
      <c r="D7" s="4">
        <v>4</v>
      </c>
      <c r="E7" s="4">
        <v>0</v>
      </c>
      <c r="F7" s="4">
        <v>39</v>
      </c>
    </row>
    <row r="8" spans="1:12">
      <c r="A8" s="57"/>
      <c r="B8" s="5">
        <v>0.41</v>
      </c>
      <c r="C8" s="5">
        <v>0.48699999999999999</v>
      </c>
      <c r="D8" s="5">
        <v>0.10299999999999999</v>
      </c>
      <c r="E8" s="5">
        <v>0</v>
      </c>
      <c r="F8" s="5">
        <v>1</v>
      </c>
      <c r="H8" s="9"/>
      <c r="I8" s="9"/>
      <c r="J8" s="9"/>
      <c r="K8" s="9"/>
      <c r="L8" s="9"/>
    </row>
    <row r="9" spans="1:12">
      <c r="A9" s="56" t="s">
        <v>171</v>
      </c>
      <c r="B9" s="6">
        <v>4</v>
      </c>
      <c r="C9" s="6">
        <v>3</v>
      </c>
      <c r="D9" s="6">
        <v>0</v>
      </c>
      <c r="E9" s="6">
        <v>2</v>
      </c>
      <c r="F9" s="4">
        <v>9</v>
      </c>
    </row>
    <row r="10" spans="1:12">
      <c r="A10" s="57"/>
      <c r="B10" s="5">
        <v>0.44400000000000001</v>
      </c>
      <c r="C10" s="5">
        <v>0.33300000000000002</v>
      </c>
      <c r="D10" s="5">
        <v>0</v>
      </c>
      <c r="E10" s="5">
        <v>0.222</v>
      </c>
      <c r="F10" s="5">
        <v>1</v>
      </c>
      <c r="H10" s="9"/>
      <c r="I10" s="9"/>
      <c r="J10" s="9"/>
      <c r="K10" s="9"/>
      <c r="L10" s="9"/>
    </row>
    <row r="11" spans="1:12">
      <c r="A11" s="56" t="s">
        <v>29</v>
      </c>
      <c r="B11" s="4">
        <v>2057</v>
      </c>
      <c r="C11" s="4">
        <v>1483</v>
      </c>
      <c r="D11" s="4">
        <v>122</v>
      </c>
      <c r="E11" s="4">
        <v>23</v>
      </c>
      <c r="F11" s="4">
        <v>3685</v>
      </c>
    </row>
    <row r="12" spans="1:12">
      <c r="A12" s="57"/>
      <c r="B12" s="5">
        <v>0.55800000000000005</v>
      </c>
      <c r="C12" s="5">
        <v>0.40200000000000002</v>
      </c>
      <c r="D12" s="5">
        <v>3.3000000000000002E-2</v>
      </c>
      <c r="E12" s="5">
        <v>6.0000000000000001E-3</v>
      </c>
      <c r="F12" s="5">
        <v>1</v>
      </c>
      <c r="H12" s="9"/>
      <c r="I12" s="9"/>
      <c r="J12" s="9"/>
      <c r="K12" s="9"/>
      <c r="L12" s="9"/>
    </row>
    <row r="13" spans="1:12" ht="14.25" customHeight="1">
      <c r="A13" s="54" t="s">
        <v>118</v>
      </c>
      <c r="B13" s="54"/>
      <c r="C13" s="54"/>
      <c r="D13" s="54"/>
      <c r="E13" s="54"/>
      <c r="F13" s="54"/>
    </row>
    <row r="14" spans="1:12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9:A10"/>
    <mergeCell ref="A11:A12"/>
    <mergeCell ref="A7:A8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7"/>
  <dimension ref="A1:J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0">
      <c r="A1" s="1" t="s">
        <v>751</v>
      </c>
    </row>
    <row r="2" spans="1:10" ht="14.25" customHeight="1">
      <c r="A2" s="41" t="s">
        <v>812</v>
      </c>
      <c r="C2" s="7"/>
      <c r="D2" s="7"/>
      <c r="E2" s="7"/>
    </row>
    <row r="3" spans="1:10" ht="14.25" customHeight="1">
      <c r="A3" s="78" t="s">
        <v>218</v>
      </c>
      <c r="B3" s="53" t="s">
        <v>120</v>
      </c>
      <c r="C3" s="53"/>
      <c r="D3" s="53"/>
      <c r="E3" s="53"/>
      <c r="F3" s="2"/>
    </row>
    <row r="4" spans="1:10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10">
      <c r="A5" s="73" t="s">
        <v>219</v>
      </c>
      <c r="B5" s="4">
        <v>2289</v>
      </c>
      <c r="C5" s="4">
        <v>1339</v>
      </c>
      <c r="D5" s="4">
        <v>9</v>
      </c>
      <c r="E5" s="4">
        <v>3637</v>
      </c>
    </row>
    <row r="6" spans="1:10">
      <c r="A6" s="77"/>
      <c r="B6" s="5">
        <v>0.629</v>
      </c>
      <c r="C6" s="5">
        <v>0.36799999999999999</v>
      </c>
      <c r="D6" s="5">
        <v>2E-3</v>
      </c>
      <c r="E6" s="5">
        <v>1</v>
      </c>
      <c r="G6" s="9"/>
      <c r="H6" s="9"/>
      <c r="I6" s="9"/>
      <c r="J6" s="9"/>
    </row>
    <row r="7" spans="1:10">
      <c r="A7" s="73" t="s">
        <v>220</v>
      </c>
      <c r="B7" s="4">
        <v>21</v>
      </c>
      <c r="C7" s="4">
        <v>18</v>
      </c>
      <c r="D7" s="4">
        <v>0</v>
      </c>
      <c r="E7" s="4">
        <v>39</v>
      </c>
    </row>
    <row r="8" spans="1:10">
      <c r="A8" s="74"/>
      <c r="B8" s="5">
        <v>0.53800000000000003</v>
      </c>
      <c r="C8" s="5">
        <v>0.46200000000000002</v>
      </c>
      <c r="D8" s="5">
        <v>0</v>
      </c>
      <c r="E8" s="5">
        <v>1</v>
      </c>
      <c r="G8" s="9"/>
      <c r="H8" s="9"/>
      <c r="I8" s="9"/>
      <c r="J8" s="9"/>
    </row>
    <row r="9" spans="1:10">
      <c r="A9" s="73" t="s">
        <v>171</v>
      </c>
      <c r="B9" s="6">
        <v>6</v>
      </c>
      <c r="C9" s="6">
        <v>2</v>
      </c>
      <c r="D9" s="6">
        <v>1</v>
      </c>
      <c r="E9" s="4">
        <v>9</v>
      </c>
    </row>
    <row r="10" spans="1:10">
      <c r="A10" s="74"/>
      <c r="B10" s="5">
        <v>0.66700000000000004</v>
      </c>
      <c r="C10" s="5">
        <v>0.222</v>
      </c>
      <c r="D10" s="5">
        <v>0.111</v>
      </c>
      <c r="E10" s="5">
        <v>1</v>
      </c>
      <c r="G10" s="9"/>
      <c r="H10" s="9"/>
      <c r="I10" s="9"/>
      <c r="J10" s="9"/>
    </row>
    <row r="11" spans="1:10">
      <c r="A11" s="73" t="s">
        <v>29</v>
      </c>
      <c r="B11" s="4">
        <v>2316</v>
      </c>
      <c r="C11" s="4">
        <v>1359</v>
      </c>
      <c r="D11" s="4">
        <v>10</v>
      </c>
      <c r="E11" s="4">
        <v>3685</v>
      </c>
    </row>
    <row r="12" spans="1:10">
      <c r="A12" s="74"/>
      <c r="B12" s="5">
        <v>0.628</v>
      </c>
      <c r="C12" s="5">
        <v>0.36899999999999999</v>
      </c>
      <c r="D12" s="5">
        <v>3.0000000000000001E-3</v>
      </c>
      <c r="E12" s="5">
        <v>1</v>
      </c>
      <c r="G12" s="9"/>
      <c r="H12" s="9"/>
      <c r="I12" s="9"/>
      <c r="J12" s="9"/>
    </row>
    <row r="13" spans="1:10" ht="14.25" customHeight="1">
      <c r="A13" s="54" t="s">
        <v>121</v>
      </c>
      <c r="B13" s="54"/>
      <c r="C13" s="54"/>
      <c r="D13" s="54"/>
      <c r="E13" s="54"/>
    </row>
    <row r="14" spans="1:10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9:A10"/>
    <mergeCell ref="A11:A12"/>
    <mergeCell ref="A7:A8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752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59.25" customHeight="1">
      <c r="A3" s="78" t="s">
        <v>218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56" t="s">
        <v>151</v>
      </c>
      <c r="B5" s="4">
        <v>182</v>
      </c>
      <c r="C5" s="4">
        <v>2107</v>
      </c>
      <c r="D5" s="4">
        <v>1832</v>
      </c>
      <c r="E5" s="4">
        <v>457</v>
      </c>
      <c r="F5" s="4">
        <v>747</v>
      </c>
      <c r="G5" s="4">
        <v>1542</v>
      </c>
    </row>
    <row r="6" spans="1:7">
      <c r="A6" s="61"/>
      <c r="B6" s="5">
        <v>0.08</v>
      </c>
      <c r="C6" s="5">
        <v>0.92</v>
      </c>
      <c r="D6" s="5">
        <v>0.8</v>
      </c>
      <c r="E6" s="5">
        <v>0.2</v>
      </c>
      <c r="F6" s="5">
        <v>0.32600000000000001</v>
      </c>
      <c r="G6" s="5">
        <v>0.67400000000000004</v>
      </c>
    </row>
    <row r="7" spans="1:7">
      <c r="A7" s="73" t="s">
        <v>152</v>
      </c>
      <c r="B7" s="6">
        <v>1</v>
      </c>
      <c r="C7" s="6">
        <v>20</v>
      </c>
      <c r="D7" s="6">
        <v>18</v>
      </c>
      <c r="E7" s="6">
        <v>3</v>
      </c>
      <c r="F7" s="6">
        <v>8</v>
      </c>
      <c r="G7" s="6">
        <v>13</v>
      </c>
    </row>
    <row r="8" spans="1:7">
      <c r="A8" s="74"/>
      <c r="B8" s="5">
        <v>4.8000000000000001E-2</v>
      </c>
      <c r="C8" s="5">
        <v>0.95199999999999996</v>
      </c>
      <c r="D8" s="5">
        <v>0.85699999999999998</v>
      </c>
      <c r="E8" s="5">
        <v>0.14299999999999999</v>
      </c>
      <c r="F8" s="5">
        <v>0.38100000000000001</v>
      </c>
      <c r="G8" s="5">
        <v>0.61899999999999999</v>
      </c>
    </row>
    <row r="9" spans="1:7">
      <c r="A9" s="56" t="s">
        <v>171</v>
      </c>
      <c r="B9" s="6">
        <v>0</v>
      </c>
      <c r="C9" s="6">
        <v>6</v>
      </c>
      <c r="D9" s="6">
        <v>5</v>
      </c>
      <c r="E9" s="6">
        <v>1</v>
      </c>
      <c r="F9" s="6">
        <v>2</v>
      </c>
      <c r="G9" s="6">
        <v>4</v>
      </c>
    </row>
    <row r="10" spans="1:7">
      <c r="A10" s="57"/>
      <c r="B10" s="5">
        <v>0</v>
      </c>
      <c r="C10" s="5">
        <v>1</v>
      </c>
      <c r="D10" s="5">
        <v>0.83299999999999996</v>
      </c>
      <c r="E10" s="5">
        <v>0.16700000000000001</v>
      </c>
      <c r="F10" s="5">
        <v>0.33300000000000002</v>
      </c>
      <c r="G10" s="5">
        <v>0.66700000000000004</v>
      </c>
    </row>
    <row r="11" spans="1:7">
      <c r="A11" s="56" t="s">
        <v>29</v>
      </c>
      <c r="B11" s="4">
        <v>183</v>
      </c>
      <c r="C11" s="4">
        <v>2133</v>
      </c>
      <c r="D11" s="4">
        <v>1855</v>
      </c>
      <c r="E11" s="4">
        <v>461</v>
      </c>
      <c r="F11" s="4">
        <v>757</v>
      </c>
      <c r="G11" s="4">
        <v>1559</v>
      </c>
    </row>
    <row r="12" spans="1:7">
      <c r="A12" s="57"/>
      <c r="B12" s="5">
        <v>7.9000000000000001E-2</v>
      </c>
      <c r="C12" s="5">
        <v>0.92100000000000004</v>
      </c>
      <c r="D12" s="5">
        <v>0.80100000000000005</v>
      </c>
      <c r="E12" s="5">
        <v>0.19900000000000001</v>
      </c>
      <c r="F12" s="5">
        <v>0.32700000000000001</v>
      </c>
      <c r="G12" s="5">
        <v>0.67300000000000004</v>
      </c>
    </row>
    <row r="14" spans="1:7" ht="33.75" customHeight="1">
      <c r="A14" s="78" t="s">
        <v>218</v>
      </c>
      <c r="B14" s="62" t="s">
        <v>243</v>
      </c>
      <c r="C14" s="63"/>
      <c r="D14" s="62" t="s">
        <v>244</v>
      </c>
      <c r="E14" s="63"/>
      <c r="F14" s="62" t="s">
        <v>245</v>
      </c>
      <c r="G14" s="64"/>
    </row>
    <row r="15" spans="1:7">
      <c r="A15" s="78"/>
      <c r="B15" s="8" t="s">
        <v>190</v>
      </c>
      <c r="C15" s="8" t="s">
        <v>191</v>
      </c>
      <c r="D15" s="8" t="s">
        <v>190</v>
      </c>
      <c r="E15" s="8" t="s">
        <v>191</v>
      </c>
      <c r="F15" s="8" t="s">
        <v>190</v>
      </c>
      <c r="G15" s="8" t="s">
        <v>191</v>
      </c>
    </row>
    <row r="16" spans="1:7">
      <c r="A16" s="73" t="s">
        <v>151</v>
      </c>
      <c r="B16" s="4">
        <v>1512</v>
      </c>
      <c r="C16" s="4">
        <v>777</v>
      </c>
      <c r="D16" s="4">
        <v>64</v>
      </c>
      <c r="E16" s="4">
        <v>2225</v>
      </c>
      <c r="F16" s="4">
        <v>89</v>
      </c>
      <c r="G16" s="4">
        <v>2200</v>
      </c>
    </row>
    <row r="17" spans="1:7">
      <c r="A17" s="77"/>
      <c r="B17" s="5">
        <v>0.66100000000000003</v>
      </c>
      <c r="C17" s="5">
        <v>0.33900000000000002</v>
      </c>
      <c r="D17" s="5">
        <v>2.8000000000000001E-2</v>
      </c>
      <c r="E17" s="5">
        <v>0.97199999999999998</v>
      </c>
      <c r="F17" s="5">
        <v>3.9E-2</v>
      </c>
      <c r="G17" s="5">
        <v>0.96099999999999997</v>
      </c>
    </row>
    <row r="18" spans="1:7">
      <c r="A18" s="73" t="s">
        <v>152</v>
      </c>
      <c r="B18" s="6">
        <v>12</v>
      </c>
      <c r="C18" s="6">
        <v>9</v>
      </c>
      <c r="D18" s="4">
        <v>0</v>
      </c>
      <c r="E18" s="6">
        <v>21</v>
      </c>
      <c r="F18" s="6">
        <v>4</v>
      </c>
      <c r="G18" s="6">
        <v>17</v>
      </c>
    </row>
    <row r="19" spans="1:7">
      <c r="A19" s="74"/>
      <c r="B19" s="5">
        <v>0.57099999999999995</v>
      </c>
      <c r="C19" s="5">
        <v>0.42899999999999999</v>
      </c>
      <c r="D19" s="5">
        <v>0</v>
      </c>
      <c r="E19" s="5">
        <v>1</v>
      </c>
      <c r="F19" s="5">
        <v>0.19</v>
      </c>
      <c r="G19" s="5">
        <v>0.81</v>
      </c>
    </row>
    <row r="20" spans="1:7">
      <c r="A20" s="56" t="s">
        <v>171</v>
      </c>
      <c r="B20" s="6">
        <v>4</v>
      </c>
      <c r="C20" s="6">
        <v>2</v>
      </c>
      <c r="D20" s="6">
        <v>1</v>
      </c>
      <c r="E20" s="6">
        <v>5</v>
      </c>
      <c r="F20" s="6">
        <v>0</v>
      </c>
      <c r="G20" s="6">
        <v>6</v>
      </c>
    </row>
    <row r="21" spans="1:7">
      <c r="A21" s="57"/>
      <c r="B21" s="5">
        <v>0.66700000000000004</v>
      </c>
      <c r="C21" s="5">
        <v>0.33300000000000002</v>
      </c>
      <c r="D21" s="5">
        <v>0.16700000000000001</v>
      </c>
      <c r="E21" s="5">
        <v>0.83299999999999996</v>
      </c>
      <c r="F21" s="5">
        <v>0</v>
      </c>
      <c r="G21" s="5">
        <v>1</v>
      </c>
    </row>
    <row r="22" spans="1:7">
      <c r="A22" s="56" t="s">
        <v>29</v>
      </c>
      <c r="B22" s="4">
        <v>1528</v>
      </c>
      <c r="C22" s="4">
        <v>788</v>
      </c>
      <c r="D22" s="4">
        <v>65</v>
      </c>
      <c r="E22" s="4">
        <v>2251</v>
      </c>
      <c r="F22" s="4">
        <v>93</v>
      </c>
      <c r="G22" s="4">
        <v>2223</v>
      </c>
    </row>
    <row r="23" spans="1:7">
      <c r="A23" s="57"/>
      <c r="B23" s="5">
        <v>0.66</v>
      </c>
      <c r="C23" s="5">
        <v>0.34</v>
      </c>
      <c r="D23" s="5">
        <v>2.8000000000000001E-2</v>
      </c>
      <c r="E23" s="5">
        <v>0.97199999999999998</v>
      </c>
      <c r="F23" s="5">
        <v>0.04</v>
      </c>
      <c r="G23" s="5">
        <v>0.96</v>
      </c>
    </row>
    <row r="25" spans="1:7" ht="45.75" customHeight="1">
      <c r="A25" s="78" t="s">
        <v>218</v>
      </c>
      <c r="B25" s="62" t="s">
        <v>246</v>
      </c>
      <c r="C25" s="63"/>
      <c r="D25" s="62" t="s">
        <v>247</v>
      </c>
      <c r="E25" s="63"/>
      <c r="F25" s="62" t="s">
        <v>248</v>
      </c>
      <c r="G25" s="64"/>
    </row>
    <row r="26" spans="1:7">
      <c r="A26" s="78"/>
      <c r="B26" s="8" t="s">
        <v>190</v>
      </c>
      <c r="C26" s="8" t="s">
        <v>191</v>
      </c>
      <c r="D26" s="8" t="s">
        <v>190</v>
      </c>
      <c r="E26" s="8" t="s">
        <v>191</v>
      </c>
      <c r="F26" s="8" t="s">
        <v>190</v>
      </c>
      <c r="G26" s="8" t="s">
        <v>191</v>
      </c>
    </row>
    <row r="27" spans="1:7">
      <c r="A27" s="73" t="s">
        <v>151</v>
      </c>
      <c r="B27" s="4">
        <v>113</v>
      </c>
      <c r="C27" s="4">
        <v>2176</v>
      </c>
      <c r="D27" s="4">
        <v>6</v>
      </c>
      <c r="E27" s="4">
        <v>2283</v>
      </c>
      <c r="F27" s="4">
        <v>43</v>
      </c>
      <c r="G27" s="4">
        <v>2246</v>
      </c>
    </row>
    <row r="28" spans="1:7">
      <c r="A28" s="77"/>
      <c r="B28" s="5">
        <v>4.9000000000000002E-2</v>
      </c>
      <c r="C28" s="5">
        <v>0.95099999999999996</v>
      </c>
      <c r="D28" s="5">
        <v>3.0000000000000001E-3</v>
      </c>
      <c r="E28" s="5">
        <v>0.997</v>
      </c>
      <c r="F28" s="5">
        <v>1.9E-2</v>
      </c>
      <c r="G28" s="5">
        <v>0.98099999999999998</v>
      </c>
    </row>
    <row r="29" spans="1:7">
      <c r="A29" s="73" t="s">
        <v>152</v>
      </c>
      <c r="B29" s="6">
        <v>0</v>
      </c>
      <c r="C29" s="6">
        <v>21</v>
      </c>
      <c r="D29" s="6">
        <v>0</v>
      </c>
      <c r="E29" s="6">
        <v>21</v>
      </c>
      <c r="F29" s="6">
        <v>1</v>
      </c>
      <c r="G29" s="6">
        <v>20</v>
      </c>
    </row>
    <row r="30" spans="1:7">
      <c r="A30" s="74"/>
      <c r="B30" s="5">
        <v>0</v>
      </c>
      <c r="C30" s="5">
        <v>1</v>
      </c>
      <c r="D30" s="5">
        <v>0</v>
      </c>
      <c r="E30" s="5">
        <v>1</v>
      </c>
      <c r="F30" s="5">
        <v>4.8000000000000001E-2</v>
      </c>
      <c r="G30" s="5">
        <v>0.95199999999999996</v>
      </c>
    </row>
    <row r="31" spans="1:7">
      <c r="A31" s="56" t="s">
        <v>171</v>
      </c>
      <c r="B31" s="6">
        <v>1</v>
      </c>
      <c r="C31" s="6">
        <v>5</v>
      </c>
      <c r="D31" s="6">
        <v>0</v>
      </c>
      <c r="E31" s="6">
        <v>6</v>
      </c>
      <c r="F31" s="6">
        <v>0</v>
      </c>
      <c r="G31" s="6">
        <v>6</v>
      </c>
    </row>
    <row r="32" spans="1:7">
      <c r="A32" s="57"/>
      <c r="B32" s="5">
        <v>0.16700000000000001</v>
      </c>
      <c r="C32" s="5">
        <v>0.83299999999999996</v>
      </c>
      <c r="D32" s="5">
        <v>0</v>
      </c>
      <c r="E32" s="5">
        <v>1</v>
      </c>
      <c r="F32" s="5">
        <v>0</v>
      </c>
      <c r="G32" s="5">
        <v>1</v>
      </c>
    </row>
    <row r="33" spans="1:7">
      <c r="A33" s="56" t="s">
        <v>29</v>
      </c>
      <c r="B33" s="4">
        <v>114</v>
      </c>
      <c r="C33" s="4">
        <v>2202</v>
      </c>
      <c r="D33" s="4">
        <v>6</v>
      </c>
      <c r="E33" s="4">
        <v>2310</v>
      </c>
      <c r="F33" s="4">
        <v>44</v>
      </c>
      <c r="G33" s="4">
        <v>2272</v>
      </c>
    </row>
    <row r="34" spans="1:7">
      <c r="A34" s="57"/>
      <c r="B34" s="5">
        <v>4.9000000000000002E-2</v>
      </c>
      <c r="C34" s="5">
        <v>0.95099999999999996</v>
      </c>
      <c r="D34" s="5">
        <v>3.0000000000000001E-3</v>
      </c>
      <c r="E34" s="5">
        <v>0.997</v>
      </c>
      <c r="F34" s="5">
        <v>1.9E-2</v>
      </c>
      <c r="G34" s="5">
        <v>0.98099999999999998</v>
      </c>
    </row>
    <row r="35" spans="1:7">
      <c r="A35" s="54" t="s">
        <v>631</v>
      </c>
      <c r="B35" s="54"/>
      <c r="C35" s="54"/>
      <c r="D35" s="54"/>
      <c r="E35" s="54"/>
      <c r="F35" s="54"/>
      <c r="G35" s="54"/>
    </row>
    <row r="36" spans="1:7">
      <c r="A36" s="55"/>
      <c r="B36" s="55"/>
      <c r="C36" s="55"/>
      <c r="D36" s="55"/>
      <c r="E36" s="55"/>
      <c r="F36" s="55"/>
      <c r="G36" s="55"/>
    </row>
  </sheetData>
  <mergeCells count="25">
    <mergeCell ref="F3:G3"/>
    <mergeCell ref="A5:A6"/>
    <mergeCell ref="A7:A8"/>
    <mergeCell ref="A9:A10"/>
    <mergeCell ref="A11:A12"/>
    <mergeCell ref="A3:A4"/>
    <mergeCell ref="B3:C3"/>
    <mergeCell ref="D3:E3"/>
    <mergeCell ref="A25:A26"/>
    <mergeCell ref="F14:G14"/>
    <mergeCell ref="B25:C25"/>
    <mergeCell ref="D25:E25"/>
    <mergeCell ref="F25:G25"/>
    <mergeCell ref="A18:A19"/>
    <mergeCell ref="A20:A21"/>
    <mergeCell ref="A22:A23"/>
    <mergeCell ref="A14:A15"/>
    <mergeCell ref="B14:C14"/>
    <mergeCell ref="D14:E14"/>
    <mergeCell ref="A16:A17"/>
    <mergeCell ref="A27:A28"/>
    <mergeCell ref="A29:A30"/>
    <mergeCell ref="A31:A32"/>
    <mergeCell ref="A33:A34"/>
    <mergeCell ref="A35:G36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9"/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53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8</v>
      </c>
      <c r="B3" s="53" t="s">
        <v>122</v>
      </c>
      <c r="C3" s="53"/>
      <c r="D3" s="53"/>
      <c r="E3" s="53"/>
      <c r="F3" s="2"/>
    </row>
    <row r="4" spans="1:6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73" t="s">
        <v>219</v>
      </c>
      <c r="B5" s="4">
        <v>2007</v>
      </c>
      <c r="C5" s="4">
        <v>1617</v>
      </c>
      <c r="D5" s="4">
        <v>13</v>
      </c>
      <c r="E5" s="4">
        <v>3637</v>
      </c>
    </row>
    <row r="6" spans="1:6">
      <c r="A6" s="77"/>
      <c r="B6" s="5">
        <v>0.55200000000000005</v>
      </c>
      <c r="C6" s="5">
        <v>0.44500000000000001</v>
      </c>
      <c r="D6" s="5">
        <v>4.0000000000000001E-3</v>
      </c>
      <c r="E6" s="5">
        <v>1</v>
      </c>
    </row>
    <row r="7" spans="1:6">
      <c r="A7" s="73" t="s">
        <v>220</v>
      </c>
      <c r="B7" s="4">
        <v>18</v>
      </c>
      <c r="C7" s="4">
        <v>20</v>
      </c>
      <c r="D7" s="4">
        <v>1</v>
      </c>
      <c r="E7" s="4">
        <v>39</v>
      </c>
    </row>
    <row r="8" spans="1:6">
      <c r="A8" s="74"/>
      <c r="B8" s="5">
        <v>0.46200000000000002</v>
      </c>
      <c r="C8" s="5">
        <v>0.51300000000000001</v>
      </c>
      <c r="D8" s="5">
        <v>2.5999999999999999E-2</v>
      </c>
      <c r="E8" s="5">
        <v>1</v>
      </c>
    </row>
    <row r="9" spans="1:6">
      <c r="A9" s="56" t="s">
        <v>171</v>
      </c>
      <c r="B9" s="6">
        <v>5</v>
      </c>
      <c r="C9" s="6">
        <v>3</v>
      </c>
      <c r="D9" s="6">
        <v>1</v>
      </c>
      <c r="E9" s="4">
        <v>9</v>
      </c>
    </row>
    <row r="10" spans="1:6">
      <c r="A10" s="57"/>
      <c r="B10" s="5">
        <v>0.55600000000000005</v>
      </c>
      <c r="C10" s="5">
        <v>0.33300000000000002</v>
      </c>
      <c r="D10" s="5">
        <v>0.111</v>
      </c>
      <c r="E10" s="5">
        <v>1</v>
      </c>
    </row>
    <row r="11" spans="1:6">
      <c r="A11" s="56" t="s">
        <v>29</v>
      </c>
      <c r="B11" s="4">
        <v>2030</v>
      </c>
      <c r="C11" s="4">
        <v>1640</v>
      </c>
      <c r="D11" s="4">
        <v>15</v>
      </c>
      <c r="E11" s="4">
        <v>3685</v>
      </c>
    </row>
    <row r="12" spans="1:6">
      <c r="A12" s="57"/>
      <c r="B12" s="5">
        <v>0.55100000000000005</v>
      </c>
      <c r="C12" s="5">
        <v>0.44500000000000001</v>
      </c>
      <c r="D12" s="5">
        <v>4.0000000000000001E-3</v>
      </c>
      <c r="E12" s="5">
        <v>1</v>
      </c>
    </row>
    <row r="13" spans="1:6" ht="14.25" customHeight="1">
      <c r="A13" s="54" t="s">
        <v>123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9:A10"/>
    <mergeCell ref="A11:A12"/>
    <mergeCell ref="A7:A8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0"/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54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18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19</v>
      </c>
      <c r="B5" s="4">
        <v>1426</v>
      </c>
      <c r="C5" s="4">
        <v>458</v>
      </c>
      <c r="D5" s="4">
        <v>123</v>
      </c>
      <c r="E5" s="4">
        <v>2007</v>
      </c>
    </row>
    <row r="6" spans="1:6">
      <c r="A6" s="77"/>
      <c r="B6" s="5">
        <v>0.71099999999999997</v>
      </c>
      <c r="C6" s="5">
        <v>0.22800000000000001</v>
      </c>
      <c r="D6" s="5">
        <v>6.0999999999999999E-2</v>
      </c>
      <c r="E6" s="5">
        <v>1</v>
      </c>
    </row>
    <row r="7" spans="1:6">
      <c r="A7" s="73" t="s">
        <v>220</v>
      </c>
      <c r="B7" s="4">
        <v>15</v>
      </c>
      <c r="C7" s="4">
        <v>2</v>
      </c>
      <c r="D7" s="4">
        <v>1</v>
      </c>
      <c r="E7" s="4">
        <v>18</v>
      </c>
    </row>
    <row r="8" spans="1:6">
      <c r="A8" s="74"/>
      <c r="B8" s="5">
        <v>0.83299999999999996</v>
      </c>
      <c r="C8" s="5">
        <v>0.111</v>
      </c>
      <c r="D8" s="5">
        <v>5.6000000000000001E-2</v>
      </c>
      <c r="E8" s="5">
        <v>1</v>
      </c>
    </row>
    <row r="9" spans="1:6">
      <c r="A9" s="73" t="s">
        <v>171</v>
      </c>
      <c r="B9" s="6">
        <v>3</v>
      </c>
      <c r="C9" s="6">
        <v>1</v>
      </c>
      <c r="D9" s="6">
        <v>1</v>
      </c>
      <c r="E9" s="4">
        <v>5</v>
      </c>
    </row>
    <row r="10" spans="1:6">
      <c r="A10" s="74"/>
      <c r="B10" s="5">
        <v>0.6</v>
      </c>
      <c r="C10" s="5">
        <v>0.2</v>
      </c>
      <c r="D10" s="5">
        <v>0.2</v>
      </c>
      <c r="E10" s="5">
        <v>1</v>
      </c>
    </row>
    <row r="11" spans="1:6">
      <c r="A11" s="73" t="s">
        <v>29</v>
      </c>
      <c r="B11" s="4">
        <v>1444</v>
      </c>
      <c r="C11" s="4">
        <v>461</v>
      </c>
      <c r="D11" s="4">
        <v>125</v>
      </c>
      <c r="E11" s="4">
        <v>2030</v>
      </c>
    </row>
    <row r="12" spans="1:6">
      <c r="A12" s="74"/>
      <c r="B12" s="5">
        <v>0.71099999999999997</v>
      </c>
      <c r="C12" s="5">
        <v>0.22700000000000001</v>
      </c>
      <c r="D12" s="5">
        <v>6.2E-2</v>
      </c>
      <c r="E12" s="5">
        <v>1</v>
      </c>
    </row>
    <row r="13" spans="1:6" ht="14.25" customHeight="1">
      <c r="A13" s="54" t="s">
        <v>125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9:A10"/>
    <mergeCell ref="A11:A12"/>
    <mergeCell ref="A7:A8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"/>
  <dimension ref="A1:S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9">
      <c r="A1" s="1" t="s">
        <v>510</v>
      </c>
    </row>
    <row r="2" spans="1:19" ht="14.25" customHeight="1">
      <c r="A2" s="41" t="s">
        <v>812</v>
      </c>
      <c r="C2" s="7"/>
      <c r="D2" s="7"/>
      <c r="E2" s="7"/>
      <c r="F2" s="7"/>
      <c r="G2" s="7"/>
      <c r="H2" s="7"/>
    </row>
    <row r="3" spans="1:19" ht="14.25" customHeight="1">
      <c r="A3" s="60" t="s">
        <v>168</v>
      </c>
      <c r="B3" s="53" t="s">
        <v>45</v>
      </c>
      <c r="C3" s="53"/>
      <c r="D3" s="53"/>
      <c r="E3" s="53"/>
      <c r="F3" s="53"/>
      <c r="G3" s="53"/>
      <c r="H3" s="53"/>
      <c r="I3" s="2"/>
    </row>
    <row r="4" spans="1:19" ht="42.75">
      <c r="A4" s="60"/>
      <c r="B4" s="8" t="s">
        <v>46</v>
      </c>
      <c r="C4" s="8" t="s">
        <v>102</v>
      </c>
      <c r="D4" s="8" t="s">
        <v>47</v>
      </c>
      <c r="E4" s="8" t="s">
        <v>48</v>
      </c>
      <c r="F4" s="8" t="s">
        <v>49</v>
      </c>
      <c r="G4" s="8" t="s">
        <v>42</v>
      </c>
      <c r="H4" s="8" t="s">
        <v>29</v>
      </c>
    </row>
    <row r="5" spans="1:19">
      <c r="A5" s="56" t="s">
        <v>169</v>
      </c>
      <c r="B5" s="4">
        <v>158</v>
      </c>
      <c r="C5" s="4">
        <v>982</v>
      </c>
      <c r="D5" s="4">
        <v>246</v>
      </c>
      <c r="E5" s="4">
        <v>6</v>
      </c>
      <c r="F5" s="4">
        <v>6</v>
      </c>
      <c r="G5" s="4">
        <v>8</v>
      </c>
      <c r="H5" s="4">
        <v>1406</v>
      </c>
    </row>
    <row r="6" spans="1:19">
      <c r="A6" s="61"/>
      <c r="B6" s="5">
        <v>0.112</v>
      </c>
      <c r="C6" s="5">
        <v>0.69799999999999995</v>
      </c>
      <c r="D6" s="5">
        <v>0.17499999999999999</v>
      </c>
      <c r="E6" s="5">
        <v>4.0000000000000001E-3</v>
      </c>
      <c r="F6" s="5">
        <v>4.0000000000000001E-3</v>
      </c>
      <c r="G6" s="5">
        <v>6.0000000000000001E-3</v>
      </c>
      <c r="H6" s="5">
        <v>1</v>
      </c>
    </row>
    <row r="7" spans="1:19">
      <c r="A7" s="56" t="s">
        <v>170</v>
      </c>
      <c r="B7" s="6">
        <v>135</v>
      </c>
      <c r="C7" s="6">
        <v>540</v>
      </c>
      <c r="D7" s="6">
        <v>80</v>
      </c>
      <c r="E7" s="6">
        <v>0</v>
      </c>
      <c r="F7" s="6">
        <v>9</v>
      </c>
      <c r="G7" s="6">
        <v>1</v>
      </c>
      <c r="H7" s="4">
        <v>765</v>
      </c>
    </row>
    <row r="8" spans="1:19">
      <c r="A8" s="57"/>
      <c r="B8" s="5">
        <v>0.17599999999999999</v>
      </c>
      <c r="C8" s="5">
        <v>0.70599999999999996</v>
      </c>
      <c r="D8" s="5">
        <v>0.105</v>
      </c>
      <c r="E8" s="5">
        <v>0</v>
      </c>
      <c r="F8" s="5">
        <v>1.2E-2</v>
      </c>
      <c r="G8" s="5">
        <v>1E-3</v>
      </c>
      <c r="H8" s="5">
        <v>1</v>
      </c>
      <c r="M8" s="9"/>
      <c r="N8" s="9"/>
      <c r="O8" s="9"/>
      <c r="P8" s="9"/>
      <c r="Q8" s="9"/>
      <c r="R8" s="9"/>
      <c r="S8" s="9"/>
    </row>
    <row r="9" spans="1:19">
      <c r="A9" s="56" t="s">
        <v>171</v>
      </c>
      <c r="B9" s="6">
        <v>33</v>
      </c>
      <c r="C9" s="6">
        <v>186</v>
      </c>
      <c r="D9" s="6">
        <v>19</v>
      </c>
      <c r="E9" s="6">
        <v>2</v>
      </c>
      <c r="F9" s="6">
        <v>0</v>
      </c>
      <c r="G9" s="6">
        <v>0</v>
      </c>
      <c r="H9" s="6">
        <v>240</v>
      </c>
    </row>
    <row r="10" spans="1:19">
      <c r="A10" s="57"/>
      <c r="B10" s="5">
        <v>0.13800000000000001</v>
      </c>
      <c r="C10" s="5">
        <v>0.77500000000000002</v>
      </c>
      <c r="D10" s="5">
        <v>7.9000000000000001E-2</v>
      </c>
      <c r="E10" s="5">
        <v>8.0000000000000002E-3</v>
      </c>
      <c r="F10" s="5">
        <v>0</v>
      </c>
      <c r="G10" s="5">
        <v>0</v>
      </c>
      <c r="H10" s="5">
        <v>1</v>
      </c>
      <c r="M10" s="9"/>
      <c r="N10" s="9"/>
      <c r="O10" s="9"/>
      <c r="P10" s="9"/>
      <c r="Q10" s="9"/>
      <c r="R10" s="9"/>
      <c r="S10" s="9"/>
    </row>
    <row r="11" spans="1:19">
      <c r="A11" s="56" t="s">
        <v>29</v>
      </c>
      <c r="B11" s="4">
        <v>528</v>
      </c>
      <c r="C11" s="4">
        <v>2602</v>
      </c>
      <c r="D11" s="4">
        <v>506</v>
      </c>
      <c r="E11" s="4">
        <v>11</v>
      </c>
      <c r="F11" s="4">
        <v>26</v>
      </c>
      <c r="G11" s="4">
        <v>12</v>
      </c>
      <c r="H11" s="4">
        <v>3685</v>
      </c>
    </row>
    <row r="12" spans="1:19">
      <c r="A12" s="57"/>
      <c r="B12" s="5">
        <v>0.14299999999999999</v>
      </c>
      <c r="C12" s="5">
        <v>0.70599999999999996</v>
      </c>
      <c r="D12" s="5">
        <v>0.13700000000000001</v>
      </c>
      <c r="E12" s="5">
        <v>3.0000000000000001E-3</v>
      </c>
      <c r="F12" s="5">
        <v>7.0000000000000001E-3</v>
      </c>
      <c r="G12" s="5">
        <v>3.0000000000000001E-3</v>
      </c>
      <c r="H12" s="5">
        <v>1</v>
      </c>
      <c r="M12" s="9"/>
      <c r="N12" s="9"/>
      <c r="O12" s="9"/>
      <c r="P12" s="9"/>
      <c r="Q12" s="9"/>
      <c r="R12" s="9"/>
      <c r="S12" s="9"/>
    </row>
    <row r="13" spans="1:19">
      <c r="A13" s="54" t="s">
        <v>44</v>
      </c>
      <c r="B13" s="54"/>
      <c r="C13" s="54"/>
      <c r="D13" s="54"/>
      <c r="E13" s="54"/>
      <c r="F13" s="54"/>
      <c r="G13" s="54"/>
      <c r="H13" s="54"/>
    </row>
    <row r="14" spans="1:19">
      <c r="A14" s="55"/>
      <c r="B14" s="55"/>
      <c r="C14" s="55"/>
      <c r="D14" s="55"/>
      <c r="E14" s="55"/>
      <c r="F14" s="55"/>
      <c r="G14" s="55"/>
      <c r="H14" s="55"/>
      <c r="M14" s="9"/>
      <c r="N14" s="9"/>
      <c r="O14" s="9"/>
      <c r="P14" s="9"/>
      <c r="Q14" s="9"/>
      <c r="R14" s="9"/>
      <c r="S14" s="9"/>
    </row>
  </sheetData>
  <mergeCells count="7">
    <mergeCell ref="A11:A12"/>
    <mergeCell ref="A13:H14"/>
    <mergeCell ref="A3:A4"/>
    <mergeCell ref="B3:H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1"/>
  <dimension ref="A1:N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4">
      <c r="A1" s="1" t="s">
        <v>755</v>
      </c>
    </row>
    <row r="2" spans="1:14" ht="14.25" customHeight="1">
      <c r="A2" s="41" t="s">
        <v>812</v>
      </c>
      <c r="C2" s="7"/>
      <c r="D2" s="7"/>
      <c r="E2" s="7"/>
      <c r="F2" s="7"/>
      <c r="G2" s="7"/>
    </row>
    <row r="3" spans="1:14" ht="14.25" customHeight="1">
      <c r="A3" s="78" t="s">
        <v>218</v>
      </c>
      <c r="B3" s="53" t="s">
        <v>126</v>
      </c>
      <c r="C3" s="53"/>
      <c r="D3" s="53"/>
      <c r="E3" s="53"/>
      <c r="F3" s="53"/>
      <c r="G3" s="53"/>
      <c r="H3" s="2"/>
    </row>
    <row r="4" spans="1:14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14">
      <c r="A5" s="73" t="s">
        <v>219</v>
      </c>
      <c r="B5" s="4">
        <v>589</v>
      </c>
      <c r="C5" s="4">
        <v>1239</v>
      </c>
      <c r="D5" s="4">
        <v>1069</v>
      </c>
      <c r="E5" s="4">
        <v>622</v>
      </c>
      <c r="F5" s="4">
        <v>118</v>
      </c>
      <c r="G5" s="4">
        <v>3637</v>
      </c>
    </row>
    <row r="6" spans="1:14">
      <c r="A6" s="77"/>
      <c r="B6" s="5">
        <v>0.16200000000000001</v>
      </c>
      <c r="C6" s="5">
        <v>0.34100000000000003</v>
      </c>
      <c r="D6" s="5">
        <v>0.29399999999999998</v>
      </c>
      <c r="E6" s="5">
        <v>0.17100000000000001</v>
      </c>
      <c r="F6" s="5">
        <v>3.2000000000000001E-2</v>
      </c>
      <c r="G6" s="5">
        <v>1</v>
      </c>
      <c r="I6" s="9"/>
      <c r="J6" s="9"/>
      <c r="K6" s="9"/>
      <c r="L6" s="9"/>
      <c r="M6" s="9"/>
      <c r="N6" s="9"/>
    </row>
    <row r="7" spans="1:14">
      <c r="A7" s="73" t="s">
        <v>220</v>
      </c>
      <c r="B7" s="4">
        <v>4</v>
      </c>
      <c r="C7" s="4">
        <v>19</v>
      </c>
      <c r="D7" s="4">
        <v>7</v>
      </c>
      <c r="E7" s="4">
        <v>7</v>
      </c>
      <c r="F7" s="4">
        <v>2</v>
      </c>
      <c r="G7" s="4">
        <v>39</v>
      </c>
    </row>
    <row r="8" spans="1:14">
      <c r="A8" s="74"/>
      <c r="B8" s="5">
        <v>0.10299999999999999</v>
      </c>
      <c r="C8" s="5">
        <v>0.48699999999999999</v>
      </c>
      <c r="D8" s="5">
        <v>0.17899999999999999</v>
      </c>
      <c r="E8" s="5">
        <v>0.17899999999999999</v>
      </c>
      <c r="F8" s="5">
        <v>5.0999999999999997E-2</v>
      </c>
      <c r="G8" s="5">
        <v>1</v>
      </c>
      <c r="I8" s="9"/>
      <c r="J8" s="9"/>
      <c r="K8" s="9"/>
      <c r="L8" s="9"/>
      <c r="M8" s="9"/>
      <c r="N8" s="9"/>
    </row>
    <row r="9" spans="1:14">
      <c r="A9" s="56" t="s">
        <v>171</v>
      </c>
      <c r="B9" s="6">
        <v>1</v>
      </c>
      <c r="C9" s="6">
        <v>1</v>
      </c>
      <c r="D9" s="6">
        <v>2</v>
      </c>
      <c r="E9" s="6">
        <v>2</v>
      </c>
      <c r="F9" s="6">
        <v>3</v>
      </c>
      <c r="G9" s="4">
        <v>9</v>
      </c>
    </row>
    <row r="10" spans="1:14">
      <c r="A10" s="57"/>
      <c r="B10" s="5">
        <v>0.111</v>
      </c>
      <c r="C10" s="5">
        <v>0.111</v>
      </c>
      <c r="D10" s="5">
        <v>0.222</v>
      </c>
      <c r="E10" s="5">
        <v>0.222</v>
      </c>
      <c r="F10" s="5">
        <v>0.33300000000000002</v>
      </c>
      <c r="G10" s="5">
        <v>1</v>
      </c>
      <c r="I10" s="9"/>
      <c r="J10" s="9"/>
      <c r="K10" s="9"/>
      <c r="L10" s="9"/>
      <c r="M10" s="9"/>
      <c r="N10" s="9"/>
    </row>
    <row r="11" spans="1:14">
      <c r="A11" s="56" t="s">
        <v>29</v>
      </c>
      <c r="B11" s="4">
        <v>594</v>
      </c>
      <c r="C11" s="4">
        <v>1259</v>
      </c>
      <c r="D11" s="4">
        <v>1078</v>
      </c>
      <c r="E11" s="4">
        <v>631</v>
      </c>
      <c r="F11" s="4">
        <v>123</v>
      </c>
      <c r="G11" s="4">
        <v>3685</v>
      </c>
    </row>
    <row r="12" spans="1:14">
      <c r="A12" s="57"/>
      <c r="B12" s="5">
        <v>0.161</v>
      </c>
      <c r="C12" s="5">
        <v>0.34200000000000003</v>
      </c>
      <c r="D12" s="5">
        <v>0.29299999999999998</v>
      </c>
      <c r="E12" s="5">
        <v>0.17100000000000001</v>
      </c>
      <c r="F12" s="5">
        <v>3.3000000000000002E-2</v>
      </c>
      <c r="G12" s="5">
        <v>1</v>
      </c>
      <c r="I12" s="9"/>
      <c r="J12" s="9"/>
      <c r="K12" s="9"/>
      <c r="L12" s="9"/>
      <c r="M12" s="9"/>
      <c r="N12" s="9"/>
    </row>
    <row r="13" spans="1:14" ht="14.25" customHeight="1">
      <c r="A13" s="54" t="s">
        <v>127</v>
      </c>
      <c r="B13" s="54"/>
      <c r="C13" s="54"/>
      <c r="D13" s="54"/>
      <c r="E13" s="54"/>
      <c r="F13" s="54"/>
      <c r="G13" s="54"/>
    </row>
    <row r="14" spans="1:14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9:A10"/>
    <mergeCell ref="A11:A12"/>
    <mergeCell ref="A7:A8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2"/>
  <dimension ref="A1:G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56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18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73" t="s">
        <v>219</v>
      </c>
      <c r="B5" s="4">
        <v>181</v>
      </c>
      <c r="C5" s="4">
        <v>2784</v>
      </c>
      <c r="D5" s="4">
        <v>668</v>
      </c>
      <c r="E5" s="4">
        <v>4</v>
      </c>
      <c r="F5" s="4">
        <v>3637</v>
      </c>
    </row>
    <row r="6" spans="1:7">
      <c r="A6" s="77"/>
      <c r="B6" s="5">
        <v>0.05</v>
      </c>
      <c r="C6" s="5">
        <v>0.76500000000000001</v>
      </c>
      <c r="D6" s="5">
        <v>0.184</v>
      </c>
      <c r="E6" s="5">
        <v>1E-3</v>
      </c>
      <c r="F6" s="5">
        <v>1</v>
      </c>
    </row>
    <row r="7" spans="1:7">
      <c r="A7" s="73" t="s">
        <v>220</v>
      </c>
      <c r="B7" s="6">
        <v>5</v>
      </c>
      <c r="C7" s="6">
        <v>30</v>
      </c>
      <c r="D7" s="6">
        <v>4</v>
      </c>
      <c r="E7" s="6">
        <v>0</v>
      </c>
      <c r="F7" s="4">
        <v>39</v>
      </c>
    </row>
    <row r="8" spans="1:7">
      <c r="A8" s="74"/>
      <c r="B8" s="5">
        <v>0.128</v>
      </c>
      <c r="C8" s="5">
        <v>0.76900000000000002</v>
      </c>
      <c r="D8" s="5">
        <v>0.10299999999999999</v>
      </c>
      <c r="E8" s="5">
        <v>0</v>
      </c>
      <c r="F8" s="5">
        <v>1</v>
      </c>
    </row>
    <row r="9" spans="1:7">
      <c r="A9" s="56" t="s">
        <v>171</v>
      </c>
      <c r="B9" s="6">
        <v>0</v>
      </c>
      <c r="C9" s="6">
        <v>7</v>
      </c>
      <c r="D9" s="6">
        <v>0</v>
      </c>
      <c r="E9" s="6">
        <v>2</v>
      </c>
      <c r="F9" s="4">
        <v>9</v>
      </c>
    </row>
    <row r="10" spans="1:7">
      <c r="A10" s="57"/>
      <c r="B10" s="5">
        <v>0</v>
      </c>
      <c r="C10" s="5">
        <v>0.77800000000000002</v>
      </c>
      <c r="D10" s="5">
        <v>0</v>
      </c>
      <c r="E10" s="5">
        <v>0.222</v>
      </c>
      <c r="F10" s="5">
        <v>1</v>
      </c>
    </row>
    <row r="11" spans="1:7">
      <c r="A11" s="56" t="s">
        <v>29</v>
      </c>
      <c r="B11" s="4">
        <v>186</v>
      </c>
      <c r="C11" s="4">
        <v>2821</v>
      </c>
      <c r="D11" s="4">
        <v>672</v>
      </c>
      <c r="E11" s="4">
        <v>6</v>
      </c>
      <c r="F11" s="4">
        <v>3685</v>
      </c>
    </row>
    <row r="12" spans="1:7">
      <c r="A12" s="57"/>
      <c r="B12" s="5">
        <v>0.05</v>
      </c>
      <c r="C12" s="5">
        <v>0.76600000000000001</v>
      </c>
      <c r="D12" s="5">
        <v>0.182</v>
      </c>
      <c r="E12" s="5">
        <v>2E-3</v>
      </c>
      <c r="F12" s="5">
        <v>1</v>
      </c>
    </row>
    <row r="13" spans="1:7" ht="14.25" customHeight="1">
      <c r="A13" s="54" t="s">
        <v>129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9:A10"/>
    <mergeCell ref="A11:A12"/>
    <mergeCell ref="A7:A8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3"/>
  <dimension ref="A1:H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57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18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73" t="s">
        <v>219</v>
      </c>
      <c r="B5" s="4">
        <v>119</v>
      </c>
      <c r="C5" s="4">
        <v>34</v>
      </c>
      <c r="D5" s="4">
        <v>9</v>
      </c>
      <c r="E5" s="4">
        <v>12</v>
      </c>
      <c r="F5" s="4">
        <v>7</v>
      </c>
      <c r="G5" s="4">
        <v>181</v>
      </c>
    </row>
    <row r="6" spans="1:8">
      <c r="A6" s="77"/>
      <c r="B6" s="5">
        <v>0.65700000000000003</v>
      </c>
      <c r="C6" s="5">
        <v>0.188</v>
      </c>
      <c r="D6" s="5">
        <v>0.05</v>
      </c>
      <c r="E6" s="5">
        <v>6.6000000000000003E-2</v>
      </c>
      <c r="F6" s="5">
        <v>3.9E-2</v>
      </c>
      <c r="G6" s="5">
        <v>1</v>
      </c>
    </row>
    <row r="7" spans="1:8">
      <c r="A7" s="73" t="s">
        <v>220</v>
      </c>
      <c r="B7" s="6">
        <v>1</v>
      </c>
      <c r="C7" s="6">
        <v>3</v>
      </c>
      <c r="D7" s="6">
        <v>1</v>
      </c>
      <c r="E7" s="6">
        <v>0</v>
      </c>
      <c r="F7" s="6">
        <v>0</v>
      </c>
      <c r="G7" s="4">
        <v>5</v>
      </c>
    </row>
    <row r="8" spans="1:8">
      <c r="A8" s="74"/>
      <c r="B8" s="5">
        <v>0.2</v>
      </c>
      <c r="C8" s="5">
        <v>0.6</v>
      </c>
      <c r="D8" s="5">
        <v>0.2</v>
      </c>
      <c r="E8" s="5">
        <v>0</v>
      </c>
      <c r="F8" s="5">
        <v>0</v>
      </c>
      <c r="G8" s="5">
        <v>1</v>
      </c>
    </row>
    <row r="9" spans="1:8">
      <c r="A9" s="56" t="s">
        <v>29</v>
      </c>
      <c r="B9" s="6">
        <v>120</v>
      </c>
      <c r="C9" s="6">
        <v>37</v>
      </c>
      <c r="D9" s="6">
        <v>10</v>
      </c>
      <c r="E9" s="6">
        <v>12</v>
      </c>
      <c r="F9" s="6">
        <v>7</v>
      </c>
      <c r="G9" s="6">
        <v>186</v>
      </c>
    </row>
    <row r="10" spans="1:8">
      <c r="A10" s="57"/>
      <c r="B10" s="5">
        <v>0.64500000000000002</v>
      </c>
      <c r="C10" s="5">
        <v>0.19900000000000001</v>
      </c>
      <c r="D10" s="5">
        <v>5.3999999999999999E-2</v>
      </c>
      <c r="E10" s="5">
        <v>6.5000000000000002E-2</v>
      </c>
      <c r="F10" s="5">
        <v>3.7999999999999999E-2</v>
      </c>
      <c r="G10" s="5">
        <v>1</v>
      </c>
    </row>
    <row r="11" spans="1:8" ht="14.25" customHeight="1">
      <c r="A11" s="54" t="s">
        <v>131</v>
      </c>
      <c r="B11" s="54"/>
      <c r="C11" s="54"/>
      <c r="D11" s="54"/>
      <c r="E11" s="54"/>
      <c r="F11" s="54"/>
      <c r="G11" s="54"/>
    </row>
    <row r="12" spans="1:8">
      <c r="A12" s="55"/>
      <c r="B12" s="55"/>
      <c r="C12" s="55"/>
      <c r="D12" s="55"/>
      <c r="E12" s="55"/>
      <c r="F12" s="55"/>
      <c r="G12" s="55"/>
    </row>
  </sheetData>
  <mergeCells count="6">
    <mergeCell ref="A11:G12"/>
    <mergeCell ref="A3:A4"/>
    <mergeCell ref="B3:G3"/>
    <mergeCell ref="A5:A6"/>
    <mergeCell ref="A9:A10"/>
    <mergeCell ref="A7:A8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58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50</v>
      </c>
      <c r="B3" s="53" t="s">
        <v>11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8">
      <c r="A5" s="73" t="s">
        <v>221</v>
      </c>
      <c r="B5" s="4">
        <v>483</v>
      </c>
      <c r="C5" s="4">
        <v>57</v>
      </c>
      <c r="D5" s="4">
        <v>105</v>
      </c>
      <c r="E5" s="4">
        <v>20</v>
      </c>
      <c r="F5" s="4">
        <v>5</v>
      </c>
      <c r="G5" s="4">
        <v>670</v>
      </c>
    </row>
    <row r="6" spans="1:8">
      <c r="A6" s="77"/>
      <c r="B6" s="5">
        <v>0.72099999999999997</v>
      </c>
      <c r="C6" s="5">
        <v>8.5000000000000006E-2</v>
      </c>
      <c r="D6" s="5">
        <v>0.157</v>
      </c>
      <c r="E6" s="5">
        <v>0.03</v>
      </c>
      <c r="F6" s="5">
        <v>7.0000000000000001E-3</v>
      </c>
      <c r="G6" s="5">
        <v>1</v>
      </c>
    </row>
    <row r="7" spans="1:8">
      <c r="A7" s="73" t="s">
        <v>222</v>
      </c>
      <c r="B7" s="6">
        <v>926</v>
      </c>
      <c r="C7" s="6">
        <v>83</v>
      </c>
      <c r="D7" s="6">
        <v>144</v>
      </c>
      <c r="E7" s="6">
        <v>36</v>
      </c>
      <c r="F7" s="6">
        <v>3</v>
      </c>
      <c r="G7" s="4">
        <v>1192</v>
      </c>
    </row>
    <row r="8" spans="1:8">
      <c r="A8" s="74"/>
      <c r="B8" s="5">
        <v>0.77700000000000002</v>
      </c>
      <c r="C8" s="5">
        <v>7.0000000000000007E-2</v>
      </c>
      <c r="D8" s="5">
        <v>0.121</v>
      </c>
      <c r="E8" s="5">
        <v>0.03</v>
      </c>
      <c r="F8" s="5">
        <v>3.0000000000000001E-3</v>
      </c>
      <c r="G8" s="5">
        <v>1</v>
      </c>
    </row>
    <row r="9" spans="1:8">
      <c r="A9" s="56" t="s">
        <v>223</v>
      </c>
      <c r="B9" s="4">
        <v>1397</v>
      </c>
      <c r="C9" s="4">
        <v>125</v>
      </c>
      <c r="D9" s="4">
        <v>200</v>
      </c>
      <c r="E9" s="4">
        <v>62</v>
      </c>
      <c r="F9" s="4">
        <v>8</v>
      </c>
      <c r="G9" s="4">
        <v>1792</v>
      </c>
    </row>
    <row r="10" spans="1:8">
      <c r="A10" s="57"/>
      <c r="B10" s="5">
        <v>0.78</v>
      </c>
      <c r="C10" s="5">
        <v>7.0000000000000007E-2</v>
      </c>
      <c r="D10" s="5">
        <v>0.112</v>
      </c>
      <c r="E10" s="5">
        <v>3.5000000000000003E-2</v>
      </c>
      <c r="F10" s="5">
        <v>4.0000000000000001E-3</v>
      </c>
      <c r="G10" s="5">
        <v>1</v>
      </c>
    </row>
    <row r="11" spans="1:8" ht="14.25" customHeight="1">
      <c r="A11" s="73" t="s">
        <v>171</v>
      </c>
      <c r="B11" s="6">
        <v>19</v>
      </c>
      <c r="C11" s="6">
        <v>3</v>
      </c>
      <c r="D11" s="6">
        <v>4</v>
      </c>
      <c r="E11" s="6">
        <v>2</v>
      </c>
      <c r="F11" s="6">
        <v>3</v>
      </c>
      <c r="G11" s="6">
        <v>31</v>
      </c>
    </row>
    <row r="12" spans="1:8">
      <c r="A12" s="74"/>
      <c r="B12" s="5">
        <v>0.61299999999999999</v>
      </c>
      <c r="C12" s="5">
        <v>9.7000000000000003E-2</v>
      </c>
      <c r="D12" s="5">
        <v>0.129</v>
      </c>
      <c r="E12" s="5">
        <v>6.5000000000000002E-2</v>
      </c>
      <c r="F12" s="5">
        <v>9.7000000000000003E-2</v>
      </c>
      <c r="G12" s="5">
        <v>1</v>
      </c>
    </row>
    <row r="13" spans="1:8">
      <c r="A13" s="56" t="s">
        <v>29</v>
      </c>
      <c r="B13" s="4">
        <v>2825</v>
      </c>
      <c r="C13" s="4">
        <v>268</v>
      </c>
      <c r="D13" s="4">
        <v>453</v>
      </c>
      <c r="E13" s="4">
        <v>120</v>
      </c>
      <c r="F13" s="4">
        <v>19</v>
      </c>
      <c r="G13" s="4">
        <v>3685</v>
      </c>
    </row>
    <row r="14" spans="1:8">
      <c r="A14" s="57"/>
      <c r="B14" s="5">
        <v>0.76700000000000002</v>
      </c>
      <c r="C14" s="5">
        <v>7.2999999999999995E-2</v>
      </c>
      <c r="D14" s="5">
        <v>0.123</v>
      </c>
      <c r="E14" s="5">
        <v>3.3000000000000002E-2</v>
      </c>
      <c r="F14" s="5">
        <v>5.0000000000000001E-3</v>
      </c>
      <c r="G14" s="5">
        <v>1</v>
      </c>
    </row>
    <row r="15" spans="1:8">
      <c r="A15" s="54" t="s">
        <v>119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3:A14"/>
    <mergeCell ref="A15:G16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59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50</v>
      </c>
      <c r="B3" s="53" t="s">
        <v>117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7">
      <c r="A5" s="73" t="s">
        <v>221</v>
      </c>
      <c r="B5" s="4">
        <v>390</v>
      </c>
      <c r="C5" s="4">
        <v>259</v>
      </c>
      <c r="D5" s="4">
        <v>16</v>
      </c>
      <c r="E5" s="4">
        <v>5</v>
      </c>
      <c r="F5" s="4">
        <v>670</v>
      </c>
    </row>
    <row r="6" spans="1:7">
      <c r="A6" s="77"/>
      <c r="B6" s="5">
        <v>0.58199999999999996</v>
      </c>
      <c r="C6" s="5">
        <v>0.38700000000000001</v>
      </c>
      <c r="D6" s="5">
        <v>2.4E-2</v>
      </c>
      <c r="E6" s="5">
        <v>7.0000000000000001E-3</v>
      </c>
      <c r="F6" s="5">
        <v>1</v>
      </c>
    </row>
    <row r="7" spans="1:7">
      <c r="A7" s="73" t="s">
        <v>222</v>
      </c>
      <c r="B7" s="6">
        <v>634</v>
      </c>
      <c r="C7" s="6">
        <v>510</v>
      </c>
      <c r="D7" s="6">
        <v>43</v>
      </c>
      <c r="E7" s="6">
        <v>5</v>
      </c>
      <c r="F7" s="4">
        <v>1192</v>
      </c>
    </row>
    <row r="8" spans="1:7">
      <c r="A8" s="74"/>
      <c r="B8" s="5">
        <v>0.53200000000000003</v>
      </c>
      <c r="C8" s="5">
        <v>0.42799999999999999</v>
      </c>
      <c r="D8" s="5">
        <v>3.5999999999999997E-2</v>
      </c>
      <c r="E8" s="5">
        <v>4.0000000000000001E-3</v>
      </c>
      <c r="F8" s="5">
        <v>1</v>
      </c>
    </row>
    <row r="9" spans="1:7">
      <c r="A9" s="73" t="s">
        <v>223</v>
      </c>
      <c r="B9" s="4">
        <v>1018</v>
      </c>
      <c r="C9" s="4">
        <v>702</v>
      </c>
      <c r="D9" s="4">
        <v>63</v>
      </c>
      <c r="E9" s="4">
        <v>9</v>
      </c>
      <c r="F9" s="4">
        <v>1792</v>
      </c>
    </row>
    <row r="10" spans="1:7">
      <c r="A10" s="74"/>
      <c r="B10" s="5">
        <v>0.56799999999999995</v>
      </c>
      <c r="C10" s="5">
        <v>0.39200000000000002</v>
      </c>
      <c r="D10" s="5">
        <v>3.5000000000000003E-2</v>
      </c>
      <c r="E10" s="5">
        <v>5.0000000000000001E-3</v>
      </c>
      <c r="F10" s="5">
        <v>1</v>
      </c>
    </row>
    <row r="11" spans="1:7" ht="14.25" customHeight="1">
      <c r="A11" s="73" t="s">
        <v>171</v>
      </c>
      <c r="B11" s="6">
        <v>15</v>
      </c>
      <c r="C11" s="6">
        <v>12</v>
      </c>
      <c r="D11" s="6">
        <v>0</v>
      </c>
      <c r="E11" s="6">
        <v>4</v>
      </c>
      <c r="F11" s="6">
        <v>31</v>
      </c>
    </row>
    <row r="12" spans="1:7">
      <c r="A12" s="74"/>
      <c r="B12" s="5">
        <v>0.48399999999999999</v>
      </c>
      <c r="C12" s="5">
        <v>0.38700000000000001</v>
      </c>
      <c r="D12" s="5">
        <v>0</v>
      </c>
      <c r="E12" s="5">
        <v>0.129</v>
      </c>
      <c r="F12" s="5">
        <v>1</v>
      </c>
    </row>
    <row r="13" spans="1:7">
      <c r="A13" s="56" t="s">
        <v>29</v>
      </c>
      <c r="B13" s="4">
        <v>2057</v>
      </c>
      <c r="C13" s="4">
        <v>1483</v>
      </c>
      <c r="D13" s="4">
        <v>122</v>
      </c>
      <c r="E13" s="4">
        <v>23</v>
      </c>
      <c r="F13" s="4">
        <v>3685</v>
      </c>
    </row>
    <row r="14" spans="1:7">
      <c r="A14" s="57"/>
      <c r="B14" s="5">
        <v>0.55800000000000005</v>
      </c>
      <c r="C14" s="5">
        <v>0.40200000000000002</v>
      </c>
      <c r="D14" s="5">
        <v>3.3000000000000002E-2</v>
      </c>
      <c r="E14" s="5">
        <v>6.0000000000000001E-3</v>
      </c>
      <c r="F14" s="5">
        <v>1</v>
      </c>
    </row>
    <row r="15" spans="1:7">
      <c r="A15" s="54" t="s">
        <v>118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60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50</v>
      </c>
      <c r="B3" s="53" t="s">
        <v>120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221</v>
      </c>
      <c r="B5" s="4">
        <v>436</v>
      </c>
      <c r="C5" s="4">
        <v>234</v>
      </c>
      <c r="D5" s="4">
        <v>0</v>
      </c>
      <c r="E5" s="4">
        <v>670</v>
      </c>
    </row>
    <row r="6" spans="1:6">
      <c r="A6" s="61"/>
      <c r="B6" s="5">
        <v>0.65100000000000002</v>
      </c>
      <c r="C6" s="5">
        <v>0.34899999999999998</v>
      </c>
      <c r="D6" s="5">
        <v>0</v>
      </c>
      <c r="E6" s="5">
        <v>1</v>
      </c>
    </row>
    <row r="7" spans="1:6">
      <c r="A7" s="56" t="s">
        <v>222</v>
      </c>
      <c r="B7" s="6">
        <v>743</v>
      </c>
      <c r="C7" s="6">
        <v>448</v>
      </c>
      <c r="D7" s="6">
        <v>1</v>
      </c>
      <c r="E7" s="4">
        <v>1192</v>
      </c>
    </row>
    <row r="8" spans="1:6">
      <c r="A8" s="57"/>
      <c r="B8" s="5">
        <v>0.623</v>
      </c>
      <c r="C8" s="5">
        <v>0.376</v>
      </c>
      <c r="D8" s="5">
        <v>1E-3</v>
      </c>
      <c r="E8" s="5">
        <v>1</v>
      </c>
    </row>
    <row r="9" spans="1:6">
      <c r="A9" s="56" t="s">
        <v>223</v>
      </c>
      <c r="B9" s="4">
        <v>1121</v>
      </c>
      <c r="C9" s="4">
        <v>663</v>
      </c>
      <c r="D9" s="4">
        <v>8</v>
      </c>
      <c r="E9" s="4">
        <v>1792</v>
      </c>
    </row>
    <row r="10" spans="1:6">
      <c r="A10" s="57"/>
      <c r="B10" s="5">
        <v>0.626</v>
      </c>
      <c r="C10" s="5">
        <v>0.37</v>
      </c>
      <c r="D10" s="5">
        <v>4.0000000000000001E-3</v>
      </c>
      <c r="E10" s="5">
        <v>1</v>
      </c>
    </row>
    <row r="11" spans="1:6" ht="14.25" customHeight="1">
      <c r="A11" s="73" t="s">
        <v>171</v>
      </c>
      <c r="B11" s="6">
        <v>16</v>
      </c>
      <c r="C11" s="6">
        <v>14</v>
      </c>
      <c r="D11" s="6">
        <v>1</v>
      </c>
      <c r="E11" s="6">
        <v>31</v>
      </c>
    </row>
    <row r="12" spans="1:6">
      <c r="A12" s="74"/>
      <c r="B12" s="5">
        <v>0.51600000000000001</v>
      </c>
      <c r="C12" s="5">
        <v>0.45200000000000001</v>
      </c>
      <c r="D12" s="5">
        <v>3.2000000000000001E-2</v>
      </c>
      <c r="E12" s="5">
        <v>1</v>
      </c>
    </row>
    <row r="13" spans="1:6">
      <c r="A13" s="56" t="s">
        <v>29</v>
      </c>
      <c r="B13" s="4">
        <v>2316</v>
      </c>
      <c r="C13" s="4">
        <v>1359</v>
      </c>
      <c r="D13" s="4">
        <v>10</v>
      </c>
      <c r="E13" s="4">
        <v>3685</v>
      </c>
    </row>
    <row r="14" spans="1:6">
      <c r="A14" s="57"/>
      <c r="B14" s="5">
        <v>0.628</v>
      </c>
      <c r="C14" s="5">
        <v>0.36899999999999999</v>
      </c>
      <c r="D14" s="5">
        <v>3.0000000000000001E-3</v>
      </c>
      <c r="E14" s="5">
        <v>1</v>
      </c>
    </row>
    <row r="15" spans="1:6">
      <c r="A15" s="54" t="s">
        <v>121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761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58.5" customHeight="1">
      <c r="A3" s="78" t="s">
        <v>250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56" t="s">
        <v>153</v>
      </c>
      <c r="B5" s="4">
        <v>41</v>
      </c>
      <c r="C5" s="4">
        <v>395</v>
      </c>
      <c r="D5" s="4">
        <v>346</v>
      </c>
      <c r="E5" s="4">
        <v>90</v>
      </c>
      <c r="F5" s="4">
        <v>168</v>
      </c>
      <c r="G5" s="4">
        <v>268</v>
      </c>
    </row>
    <row r="6" spans="1:7">
      <c r="A6" s="61"/>
      <c r="B6" s="5">
        <v>9.4E-2</v>
      </c>
      <c r="C6" s="5">
        <v>0.90600000000000003</v>
      </c>
      <c r="D6" s="5">
        <v>0.79400000000000004</v>
      </c>
      <c r="E6" s="5">
        <v>0.20599999999999999</v>
      </c>
      <c r="F6" s="5">
        <v>0.38500000000000001</v>
      </c>
      <c r="G6" s="5">
        <v>0.61499999999999999</v>
      </c>
    </row>
    <row r="7" spans="1:7">
      <c r="A7" s="73" t="s">
        <v>249</v>
      </c>
      <c r="B7" s="6">
        <v>52</v>
      </c>
      <c r="C7" s="6">
        <v>691</v>
      </c>
      <c r="D7" s="6">
        <v>595</v>
      </c>
      <c r="E7" s="6">
        <v>148</v>
      </c>
      <c r="F7" s="6">
        <v>239</v>
      </c>
      <c r="G7" s="6">
        <v>504</v>
      </c>
    </row>
    <row r="8" spans="1:7">
      <c r="A8" s="74"/>
      <c r="B8" s="5">
        <v>7.0000000000000007E-2</v>
      </c>
      <c r="C8" s="5">
        <v>0.93</v>
      </c>
      <c r="D8" s="5">
        <v>0.80100000000000005</v>
      </c>
      <c r="E8" s="5">
        <v>0.19900000000000001</v>
      </c>
      <c r="F8" s="5">
        <v>0.32200000000000001</v>
      </c>
      <c r="G8" s="5">
        <v>0.67800000000000005</v>
      </c>
    </row>
    <row r="9" spans="1:7">
      <c r="A9" s="56" t="s">
        <v>155</v>
      </c>
      <c r="B9" s="4">
        <v>90</v>
      </c>
      <c r="C9" s="4">
        <v>1031</v>
      </c>
      <c r="D9" s="4">
        <v>901</v>
      </c>
      <c r="E9" s="4">
        <v>220</v>
      </c>
      <c r="F9" s="4">
        <v>346</v>
      </c>
      <c r="G9" s="4">
        <v>775</v>
      </c>
    </row>
    <row r="10" spans="1:7">
      <c r="A10" s="57"/>
      <c r="B10" s="5">
        <v>0.08</v>
      </c>
      <c r="C10" s="5">
        <v>0.92</v>
      </c>
      <c r="D10" s="5">
        <v>0.80400000000000005</v>
      </c>
      <c r="E10" s="5">
        <v>0.19600000000000001</v>
      </c>
      <c r="F10" s="5">
        <v>0.309</v>
      </c>
      <c r="G10" s="5">
        <v>0.69099999999999995</v>
      </c>
    </row>
    <row r="11" spans="1:7">
      <c r="A11" s="56" t="s">
        <v>171</v>
      </c>
      <c r="B11" s="6">
        <v>0</v>
      </c>
      <c r="C11" s="6">
        <v>16</v>
      </c>
      <c r="D11" s="6">
        <v>13</v>
      </c>
      <c r="E11" s="6">
        <v>3</v>
      </c>
      <c r="F11" s="6">
        <v>4</v>
      </c>
      <c r="G11" s="6">
        <v>12</v>
      </c>
    </row>
    <row r="12" spans="1:7">
      <c r="A12" s="57"/>
      <c r="B12" s="5">
        <v>0</v>
      </c>
      <c r="C12" s="5">
        <v>1</v>
      </c>
      <c r="D12" s="5">
        <v>0.81299999999999994</v>
      </c>
      <c r="E12" s="5">
        <v>0.188</v>
      </c>
      <c r="F12" s="5">
        <v>0.25</v>
      </c>
      <c r="G12" s="5">
        <v>0.75</v>
      </c>
    </row>
    <row r="13" spans="1:7">
      <c r="A13" s="56" t="s">
        <v>29</v>
      </c>
      <c r="B13" s="4">
        <v>183</v>
      </c>
      <c r="C13" s="4">
        <v>2133</v>
      </c>
      <c r="D13" s="4">
        <v>1855</v>
      </c>
      <c r="E13" s="4">
        <v>461</v>
      </c>
      <c r="F13" s="4">
        <v>757</v>
      </c>
      <c r="G13" s="4">
        <v>1559</v>
      </c>
    </row>
    <row r="14" spans="1:7">
      <c r="A14" s="57"/>
      <c r="B14" s="5">
        <v>7.9000000000000001E-2</v>
      </c>
      <c r="C14" s="5">
        <v>0.92100000000000004</v>
      </c>
      <c r="D14" s="5">
        <v>0.80100000000000005</v>
      </c>
      <c r="E14" s="5">
        <v>0.19900000000000001</v>
      </c>
      <c r="F14" s="5">
        <v>0.32700000000000001</v>
      </c>
      <c r="G14" s="5">
        <v>0.67300000000000004</v>
      </c>
    </row>
    <row r="16" spans="1:7" ht="37.5" customHeight="1">
      <c r="A16" s="78" t="s">
        <v>250</v>
      </c>
      <c r="B16" s="62" t="s">
        <v>243</v>
      </c>
      <c r="C16" s="63"/>
      <c r="D16" s="62" t="s">
        <v>244</v>
      </c>
      <c r="E16" s="63"/>
      <c r="F16" s="62" t="s">
        <v>245</v>
      </c>
      <c r="G16" s="64"/>
    </row>
    <row r="17" spans="1:7">
      <c r="A17" s="78"/>
      <c r="B17" s="8" t="s">
        <v>190</v>
      </c>
      <c r="C17" s="8" t="s">
        <v>191</v>
      </c>
      <c r="D17" s="8" t="s">
        <v>190</v>
      </c>
      <c r="E17" s="8" t="s">
        <v>191</v>
      </c>
      <c r="F17" s="8" t="s">
        <v>190</v>
      </c>
      <c r="G17" s="8" t="s">
        <v>191</v>
      </c>
    </row>
    <row r="18" spans="1:7">
      <c r="A18" s="56" t="s">
        <v>153</v>
      </c>
      <c r="B18" s="4">
        <v>294</v>
      </c>
      <c r="C18" s="4">
        <v>142</v>
      </c>
      <c r="D18" s="4">
        <v>12</v>
      </c>
      <c r="E18" s="4">
        <v>424</v>
      </c>
      <c r="F18" s="4">
        <v>18</v>
      </c>
      <c r="G18" s="4">
        <v>418</v>
      </c>
    </row>
    <row r="19" spans="1:7">
      <c r="A19" s="61"/>
      <c r="B19" s="5">
        <v>0.67400000000000004</v>
      </c>
      <c r="C19" s="5">
        <v>0.32600000000000001</v>
      </c>
      <c r="D19" s="5">
        <v>2.8000000000000001E-2</v>
      </c>
      <c r="E19" s="5">
        <v>0.97199999999999998</v>
      </c>
      <c r="F19" s="5">
        <v>4.1000000000000002E-2</v>
      </c>
      <c r="G19" s="5">
        <v>0.95899999999999996</v>
      </c>
    </row>
    <row r="20" spans="1:7">
      <c r="A20" s="73" t="s">
        <v>249</v>
      </c>
      <c r="B20" s="6">
        <v>467</v>
      </c>
      <c r="C20" s="6">
        <v>276</v>
      </c>
      <c r="D20" s="4">
        <v>21</v>
      </c>
      <c r="E20" s="6">
        <v>722</v>
      </c>
      <c r="F20" s="6">
        <v>33</v>
      </c>
      <c r="G20" s="6">
        <v>710</v>
      </c>
    </row>
    <row r="21" spans="1:7">
      <c r="A21" s="74"/>
      <c r="B21" s="5">
        <v>0.629</v>
      </c>
      <c r="C21" s="5">
        <v>0.371</v>
      </c>
      <c r="D21" s="5">
        <v>2.8000000000000001E-2</v>
      </c>
      <c r="E21" s="5">
        <v>0.97199999999999998</v>
      </c>
      <c r="F21" s="5">
        <v>4.3999999999999997E-2</v>
      </c>
      <c r="G21" s="5">
        <v>0.95599999999999996</v>
      </c>
    </row>
    <row r="22" spans="1:7">
      <c r="A22" s="56" t="s">
        <v>155</v>
      </c>
      <c r="B22" s="4">
        <v>757</v>
      </c>
      <c r="C22" s="4">
        <v>364</v>
      </c>
      <c r="D22" s="4">
        <v>30</v>
      </c>
      <c r="E22" s="4">
        <v>1091</v>
      </c>
      <c r="F22" s="4">
        <v>41</v>
      </c>
      <c r="G22" s="4">
        <v>1080</v>
      </c>
    </row>
    <row r="23" spans="1:7">
      <c r="A23" s="57"/>
      <c r="B23" s="5">
        <v>0.67500000000000004</v>
      </c>
      <c r="C23" s="5">
        <v>0.32500000000000001</v>
      </c>
      <c r="D23" s="5">
        <v>2.7E-2</v>
      </c>
      <c r="E23" s="5">
        <v>0.97299999999999998</v>
      </c>
      <c r="F23" s="5">
        <v>3.6999999999999998E-2</v>
      </c>
      <c r="G23" s="5">
        <v>0.96299999999999997</v>
      </c>
    </row>
    <row r="24" spans="1:7">
      <c r="A24" s="56" t="s">
        <v>171</v>
      </c>
      <c r="B24" s="6">
        <v>10</v>
      </c>
      <c r="C24" s="6">
        <v>6</v>
      </c>
      <c r="D24" s="6">
        <v>2</v>
      </c>
      <c r="E24" s="6">
        <v>14</v>
      </c>
      <c r="F24" s="6">
        <v>1</v>
      </c>
      <c r="G24" s="6">
        <v>15</v>
      </c>
    </row>
    <row r="25" spans="1:7">
      <c r="A25" s="57"/>
      <c r="B25" s="5">
        <v>0.625</v>
      </c>
      <c r="C25" s="5">
        <v>0.375</v>
      </c>
      <c r="D25" s="5">
        <v>0.125</v>
      </c>
      <c r="E25" s="5">
        <v>0.875</v>
      </c>
      <c r="F25" s="5">
        <v>6.3E-2</v>
      </c>
      <c r="G25" s="5">
        <v>0.93799999999999994</v>
      </c>
    </row>
    <row r="26" spans="1:7">
      <c r="A26" s="56" t="s">
        <v>29</v>
      </c>
      <c r="B26" s="4">
        <v>1528</v>
      </c>
      <c r="C26" s="4">
        <v>788</v>
      </c>
      <c r="D26" s="4">
        <v>65</v>
      </c>
      <c r="E26" s="4">
        <v>2251</v>
      </c>
      <c r="F26" s="4">
        <v>93</v>
      </c>
      <c r="G26" s="4">
        <v>2223</v>
      </c>
    </row>
    <row r="27" spans="1:7">
      <c r="A27" s="57"/>
      <c r="B27" s="5">
        <v>0.66</v>
      </c>
      <c r="C27" s="5">
        <v>0.34</v>
      </c>
      <c r="D27" s="5">
        <v>2.8000000000000001E-2</v>
      </c>
      <c r="E27" s="5">
        <v>0.97199999999999998</v>
      </c>
      <c r="F27" s="5">
        <v>0.04</v>
      </c>
      <c r="G27" s="5">
        <v>0.96</v>
      </c>
    </row>
    <row r="29" spans="1:7" ht="45" customHeight="1">
      <c r="A29" s="78" t="s">
        <v>250</v>
      </c>
      <c r="B29" s="62" t="s">
        <v>246</v>
      </c>
      <c r="C29" s="63"/>
      <c r="D29" s="62" t="s">
        <v>247</v>
      </c>
      <c r="E29" s="63"/>
      <c r="F29" s="62" t="s">
        <v>248</v>
      </c>
      <c r="G29" s="64"/>
    </row>
    <row r="30" spans="1:7">
      <c r="A30" s="78"/>
      <c r="B30" s="8" t="s">
        <v>190</v>
      </c>
      <c r="C30" s="8" t="s">
        <v>191</v>
      </c>
      <c r="D30" s="8" t="s">
        <v>190</v>
      </c>
      <c r="E30" s="8" t="s">
        <v>191</v>
      </c>
      <c r="F30" s="8" t="s">
        <v>190</v>
      </c>
      <c r="G30" s="8" t="s">
        <v>191</v>
      </c>
    </row>
    <row r="31" spans="1:7">
      <c r="A31" s="56" t="s">
        <v>153</v>
      </c>
      <c r="B31" s="4">
        <v>23</v>
      </c>
      <c r="C31" s="4">
        <v>413</v>
      </c>
      <c r="D31" s="4">
        <v>2</v>
      </c>
      <c r="E31" s="4">
        <v>434</v>
      </c>
      <c r="F31" s="4">
        <v>11</v>
      </c>
      <c r="G31" s="4">
        <v>425</v>
      </c>
    </row>
    <row r="32" spans="1:7">
      <c r="A32" s="61"/>
      <c r="B32" s="5">
        <v>5.2999999999999999E-2</v>
      </c>
      <c r="C32" s="5">
        <v>0.94699999999999995</v>
      </c>
      <c r="D32" s="5">
        <v>5.0000000000000001E-3</v>
      </c>
      <c r="E32" s="5">
        <v>0.995</v>
      </c>
      <c r="F32" s="5">
        <v>2.5000000000000001E-2</v>
      </c>
      <c r="G32" s="5">
        <v>0.97499999999999998</v>
      </c>
    </row>
    <row r="33" spans="1:7">
      <c r="A33" s="73" t="s">
        <v>249</v>
      </c>
      <c r="B33" s="6">
        <v>44</v>
      </c>
      <c r="C33" s="6">
        <v>699</v>
      </c>
      <c r="D33" s="6">
        <v>0</v>
      </c>
      <c r="E33" s="6">
        <v>743</v>
      </c>
      <c r="F33" s="6">
        <v>14</v>
      </c>
      <c r="G33" s="6">
        <v>729</v>
      </c>
    </row>
    <row r="34" spans="1:7">
      <c r="A34" s="74"/>
      <c r="B34" s="5">
        <v>5.8999999999999997E-2</v>
      </c>
      <c r="C34" s="5">
        <v>0.94099999999999995</v>
      </c>
      <c r="D34" s="5">
        <v>0</v>
      </c>
      <c r="E34" s="5">
        <v>1</v>
      </c>
      <c r="F34" s="5">
        <v>1.9E-2</v>
      </c>
      <c r="G34" s="5">
        <v>0.98099999999999998</v>
      </c>
    </row>
    <row r="35" spans="1:7">
      <c r="A35" s="56" t="s">
        <v>155</v>
      </c>
      <c r="B35" s="4">
        <v>47</v>
      </c>
      <c r="C35" s="4">
        <v>1074</v>
      </c>
      <c r="D35" s="4">
        <v>4</v>
      </c>
      <c r="E35" s="4">
        <v>1117</v>
      </c>
      <c r="F35" s="4">
        <v>19</v>
      </c>
      <c r="G35" s="4">
        <v>1102</v>
      </c>
    </row>
    <row r="36" spans="1:7">
      <c r="A36" s="57"/>
      <c r="B36" s="5">
        <v>4.2000000000000003E-2</v>
      </c>
      <c r="C36" s="5">
        <v>0.95799999999999996</v>
      </c>
      <c r="D36" s="5">
        <v>4.0000000000000001E-3</v>
      </c>
      <c r="E36" s="5">
        <v>0.996</v>
      </c>
      <c r="F36" s="5">
        <v>1.7000000000000001E-2</v>
      </c>
      <c r="G36" s="5">
        <v>0.98299999999999998</v>
      </c>
    </row>
    <row r="37" spans="1:7">
      <c r="A37" s="56" t="s">
        <v>171</v>
      </c>
      <c r="B37" s="6">
        <v>0</v>
      </c>
      <c r="C37" s="6">
        <v>16</v>
      </c>
      <c r="D37" s="6">
        <v>0</v>
      </c>
      <c r="E37" s="6">
        <v>16</v>
      </c>
      <c r="F37" s="6">
        <v>0</v>
      </c>
      <c r="G37" s="6">
        <v>16</v>
      </c>
    </row>
    <row r="38" spans="1:7">
      <c r="A38" s="57"/>
      <c r="B38" s="5">
        <v>0</v>
      </c>
      <c r="C38" s="5">
        <v>1</v>
      </c>
      <c r="D38" s="5">
        <v>0</v>
      </c>
      <c r="E38" s="5">
        <v>1</v>
      </c>
      <c r="F38" s="5">
        <v>0</v>
      </c>
      <c r="G38" s="5">
        <v>1</v>
      </c>
    </row>
    <row r="39" spans="1:7">
      <c r="A39" s="56" t="s">
        <v>29</v>
      </c>
      <c r="B39" s="4">
        <v>114</v>
      </c>
      <c r="C39" s="4">
        <v>2202</v>
      </c>
      <c r="D39" s="4">
        <v>6</v>
      </c>
      <c r="E39" s="4">
        <v>2310</v>
      </c>
      <c r="F39" s="4">
        <v>44</v>
      </c>
      <c r="G39" s="4">
        <v>2272</v>
      </c>
    </row>
    <row r="40" spans="1:7">
      <c r="A40" s="57"/>
      <c r="B40" s="5">
        <v>4.9000000000000002E-2</v>
      </c>
      <c r="C40" s="5">
        <v>0.95099999999999996</v>
      </c>
      <c r="D40" s="5">
        <v>3.0000000000000001E-3</v>
      </c>
      <c r="E40" s="5">
        <v>0.997</v>
      </c>
      <c r="F40" s="5">
        <v>1.9E-2</v>
      </c>
      <c r="G40" s="5">
        <v>0.98099999999999998</v>
      </c>
    </row>
    <row r="41" spans="1:7">
      <c r="A41" s="54" t="s">
        <v>631</v>
      </c>
      <c r="B41" s="54"/>
      <c r="C41" s="54"/>
      <c r="D41" s="54"/>
      <c r="E41" s="54"/>
      <c r="F41" s="54"/>
      <c r="G41" s="54"/>
    </row>
    <row r="42" spans="1:7">
      <c r="A42" s="55"/>
      <c r="B42" s="55"/>
      <c r="C42" s="55"/>
      <c r="D42" s="55"/>
      <c r="E42" s="55"/>
      <c r="F42" s="55"/>
      <c r="G42" s="55"/>
    </row>
  </sheetData>
  <mergeCells count="28">
    <mergeCell ref="F16:G16"/>
    <mergeCell ref="D16:E16"/>
    <mergeCell ref="A3:A4"/>
    <mergeCell ref="B3:C3"/>
    <mergeCell ref="D3:E3"/>
    <mergeCell ref="F3:G3"/>
    <mergeCell ref="B16:C16"/>
    <mergeCell ref="A18:A19"/>
    <mergeCell ref="A5:A6"/>
    <mergeCell ref="A7:A8"/>
    <mergeCell ref="A9:A10"/>
    <mergeCell ref="A11:A12"/>
    <mergeCell ref="A13:A14"/>
    <mergeCell ref="A16:A17"/>
    <mergeCell ref="A29:A30"/>
    <mergeCell ref="B29:C29"/>
    <mergeCell ref="D29:E29"/>
    <mergeCell ref="F29:G29"/>
    <mergeCell ref="A20:A21"/>
    <mergeCell ref="A22:A23"/>
    <mergeCell ref="A24:A25"/>
    <mergeCell ref="A26:A27"/>
    <mergeCell ref="A41:G42"/>
    <mergeCell ref="A31:A32"/>
    <mergeCell ref="A33:A34"/>
    <mergeCell ref="A35:A36"/>
    <mergeCell ref="A37:A38"/>
    <mergeCell ref="A39:A4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62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50</v>
      </c>
      <c r="B3" s="53" t="s">
        <v>122</v>
      </c>
      <c r="C3" s="53"/>
      <c r="D3" s="53"/>
      <c r="E3" s="53"/>
      <c r="F3" s="2"/>
    </row>
    <row r="4" spans="1:6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56" t="s">
        <v>221</v>
      </c>
      <c r="B5" s="4">
        <v>391</v>
      </c>
      <c r="C5" s="4">
        <v>275</v>
      </c>
      <c r="D5" s="4">
        <v>4</v>
      </c>
      <c r="E5" s="4">
        <v>670</v>
      </c>
    </row>
    <row r="6" spans="1:6">
      <c r="A6" s="61"/>
      <c r="B6" s="5">
        <v>0.58399999999999996</v>
      </c>
      <c r="C6" s="5">
        <v>0.41</v>
      </c>
      <c r="D6" s="5">
        <v>6.0000000000000001E-3</v>
      </c>
      <c r="E6" s="5">
        <v>1</v>
      </c>
    </row>
    <row r="7" spans="1:6">
      <c r="A7" s="56" t="s">
        <v>222</v>
      </c>
      <c r="B7" s="6">
        <v>627</v>
      </c>
      <c r="C7" s="6">
        <v>563</v>
      </c>
      <c r="D7" s="6">
        <v>2</v>
      </c>
      <c r="E7" s="4">
        <v>1192</v>
      </c>
    </row>
    <row r="8" spans="1:6">
      <c r="A8" s="57"/>
      <c r="B8" s="5">
        <v>0.52600000000000002</v>
      </c>
      <c r="C8" s="5">
        <v>0.47199999999999998</v>
      </c>
      <c r="D8" s="5">
        <v>2E-3</v>
      </c>
      <c r="E8" s="5">
        <v>1</v>
      </c>
    </row>
    <row r="9" spans="1:6">
      <c r="A9" s="56" t="s">
        <v>223</v>
      </c>
      <c r="B9" s="4">
        <v>999</v>
      </c>
      <c r="C9" s="4">
        <v>785</v>
      </c>
      <c r="D9" s="4">
        <v>8</v>
      </c>
      <c r="E9" s="4">
        <v>1792</v>
      </c>
    </row>
    <row r="10" spans="1:6">
      <c r="A10" s="57"/>
      <c r="B10" s="5">
        <v>0.55700000000000005</v>
      </c>
      <c r="C10" s="5">
        <v>0.438</v>
      </c>
      <c r="D10" s="5">
        <v>4.0000000000000001E-3</v>
      </c>
      <c r="E10" s="5">
        <v>1</v>
      </c>
    </row>
    <row r="11" spans="1:6" ht="14.25" customHeight="1">
      <c r="A11" s="73" t="s">
        <v>171</v>
      </c>
      <c r="B11" s="6">
        <v>13</v>
      </c>
      <c r="C11" s="6">
        <v>17</v>
      </c>
      <c r="D11" s="6">
        <v>1</v>
      </c>
      <c r="E11" s="6">
        <v>31</v>
      </c>
    </row>
    <row r="12" spans="1:6">
      <c r="A12" s="74"/>
      <c r="B12" s="5">
        <v>0.41899999999999998</v>
      </c>
      <c r="C12" s="5">
        <v>0.54800000000000004</v>
      </c>
      <c r="D12" s="5">
        <v>3.2000000000000001E-2</v>
      </c>
      <c r="E12" s="5">
        <v>1</v>
      </c>
    </row>
    <row r="13" spans="1:6">
      <c r="A13" s="56" t="s">
        <v>29</v>
      </c>
      <c r="B13" s="4">
        <v>2030</v>
      </c>
      <c r="C13" s="4">
        <v>1640</v>
      </c>
      <c r="D13" s="4">
        <v>15</v>
      </c>
      <c r="E13" s="4">
        <v>3685</v>
      </c>
    </row>
    <row r="14" spans="1:6">
      <c r="A14" s="57"/>
      <c r="B14" s="5">
        <v>0.55100000000000005</v>
      </c>
      <c r="C14" s="5">
        <v>0.44500000000000001</v>
      </c>
      <c r="D14" s="5">
        <v>4.0000000000000001E-3</v>
      </c>
      <c r="E14" s="5">
        <v>1</v>
      </c>
    </row>
    <row r="15" spans="1:6">
      <c r="A15" s="54" t="s">
        <v>123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63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50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221</v>
      </c>
      <c r="B5" s="4">
        <v>273</v>
      </c>
      <c r="C5" s="4">
        <v>93</v>
      </c>
      <c r="D5" s="4">
        <v>25</v>
      </c>
      <c r="E5" s="4">
        <v>391</v>
      </c>
    </row>
    <row r="6" spans="1:6">
      <c r="A6" s="61"/>
      <c r="B6" s="5">
        <v>0.69799999999999995</v>
      </c>
      <c r="C6" s="5">
        <v>0.23799999999999999</v>
      </c>
      <c r="D6" s="5">
        <v>6.4000000000000001E-2</v>
      </c>
      <c r="E6" s="5">
        <v>1</v>
      </c>
    </row>
    <row r="7" spans="1:6">
      <c r="A7" s="73" t="s">
        <v>222</v>
      </c>
      <c r="B7" s="6">
        <v>444</v>
      </c>
      <c r="C7" s="6">
        <v>150</v>
      </c>
      <c r="D7" s="6">
        <v>33</v>
      </c>
      <c r="E7" s="4">
        <v>627</v>
      </c>
    </row>
    <row r="8" spans="1:6">
      <c r="A8" s="74"/>
      <c r="B8" s="5">
        <v>0.70799999999999996</v>
      </c>
      <c r="C8" s="5">
        <v>0.23899999999999999</v>
      </c>
      <c r="D8" s="5">
        <v>5.2999999999999999E-2</v>
      </c>
      <c r="E8" s="5">
        <v>1</v>
      </c>
    </row>
    <row r="9" spans="1:6">
      <c r="A9" s="56" t="s">
        <v>223</v>
      </c>
      <c r="B9" s="6">
        <v>718</v>
      </c>
      <c r="C9" s="6">
        <v>215</v>
      </c>
      <c r="D9" s="6">
        <v>66</v>
      </c>
      <c r="E9" s="6">
        <v>999</v>
      </c>
    </row>
    <row r="10" spans="1:6">
      <c r="A10" s="57"/>
      <c r="B10" s="5">
        <v>0.71899999999999997</v>
      </c>
      <c r="C10" s="5">
        <v>0.215</v>
      </c>
      <c r="D10" s="5">
        <v>6.6000000000000003E-2</v>
      </c>
      <c r="E10" s="5">
        <v>1</v>
      </c>
    </row>
    <row r="11" spans="1:6" ht="14.25" customHeight="1">
      <c r="A11" s="73" t="s">
        <v>171</v>
      </c>
      <c r="B11" s="6">
        <v>9</v>
      </c>
      <c r="C11" s="6">
        <v>3</v>
      </c>
      <c r="D11" s="6">
        <v>1</v>
      </c>
      <c r="E11" s="6">
        <v>13</v>
      </c>
    </row>
    <row r="12" spans="1:6">
      <c r="A12" s="74"/>
      <c r="B12" s="5">
        <v>0.69199999999999995</v>
      </c>
      <c r="C12" s="5">
        <v>0.23100000000000001</v>
      </c>
      <c r="D12" s="5">
        <v>7.6999999999999999E-2</v>
      </c>
      <c r="E12" s="5">
        <v>1</v>
      </c>
    </row>
    <row r="13" spans="1:6">
      <c r="A13" s="56" t="s">
        <v>29</v>
      </c>
      <c r="B13" s="4">
        <v>1444</v>
      </c>
      <c r="C13" s="4">
        <v>461</v>
      </c>
      <c r="D13" s="4">
        <v>125</v>
      </c>
      <c r="E13" s="4">
        <v>2030</v>
      </c>
    </row>
    <row r="14" spans="1:6">
      <c r="A14" s="57"/>
      <c r="B14" s="5">
        <v>0.71099999999999997</v>
      </c>
      <c r="C14" s="5">
        <v>0.22700000000000001</v>
      </c>
      <c r="D14" s="5">
        <v>6.2E-2</v>
      </c>
      <c r="E14" s="5">
        <v>1</v>
      </c>
    </row>
    <row r="15" spans="1:6">
      <c r="A15" s="54" t="s">
        <v>125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64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50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56" t="s">
        <v>221</v>
      </c>
      <c r="B5" s="4">
        <v>183</v>
      </c>
      <c r="C5" s="4">
        <v>255</v>
      </c>
      <c r="D5" s="4">
        <v>153</v>
      </c>
      <c r="E5" s="4">
        <v>58</v>
      </c>
      <c r="F5" s="4">
        <v>21</v>
      </c>
      <c r="G5" s="4">
        <v>670</v>
      </c>
    </row>
    <row r="6" spans="1:8">
      <c r="A6" s="61"/>
      <c r="B6" s="5">
        <v>0.27300000000000002</v>
      </c>
      <c r="C6" s="5">
        <v>0.38100000000000001</v>
      </c>
      <c r="D6" s="5">
        <v>0.22800000000000001</v>
      </c>
      <c r="E6" s="5">
        <v>8.6999999999999994E-2</v>
      </c>
      <c r="F6" s="5">
        <v>3.1E-2</v>
      </c>
      <c r="G6" s="5">
        <v>1</v>
      </c>
    </row>
    <row r="7" spans="1:8">
      <c r="A7" s="73" t="s">
        <v>222</v>
      </c>
      <c r="B7" s="6">
        <v>196</v>
      </c>
      <c r="C7" s="6">
        <v>439</v>
      </c>
      <c r="D7" s="6">
        <v>342</v>
      </c>
      <c r="E7" s="6">
        <v>175</v>
      </c>
      <c r="F7" s="6">
        <v>40</v>
      </c>
      <c r="G7" s="4">
        <v>1192</v>
      </c>
    </row>
    <row r="8" spans="1:8">
      <c r="A8" s="74"/>
      <c r="B8" s="5">
        <v>0.16400000000000001</v>
      </c>
      <c r="C8" s="5">
        <v>0.36799999999999999</v>
      </c>
      <c r="D8" s="5">
        <v>0.28699999999999998</v>
      </c>
      <c r="E8" s="5">
        <v>0.14699999999999999</v>
      </c>
      <c r="F8" s="5">
        <v>3.4000000000000002E-2</v>
      </c>
      <c r="G8" s="5">
        <v>1</v>
      </c>
    </row>
    <row r="9" spans="1:8">
      <c r="A9" s="56" t="s">
        <v>223</v>
      </c>
      <c r="B9" s="4">
        <v>205</v>
      </c>
      <c r="C9" s="4">
        <v>560</v>
      </c>
      <c r="D9" s="4">
        <v>575</v>
      </c>
      <c r="E9" s="4">
        <v>394</v>
      </c>
      <c r="F9" s="4">
        <v>58</v>
      </c>
      <c r="G9" s="4">
        <v>1792</v>
      </c>
    </row>
    <row r="10" spans="1:8">
      <c r="A10" s="57"/>
      <c r="B10" s="5">
        <v>0.114</v>
      </c>
      <c r="C10" s="5">
        <v>0.313</v>
      </c>
      <c r="D10" s="5">
        <v>0.32100000000000001</v>
      </c>
      <c r="E10" s="5">
        <v>0.22</v>
      </c>
      <c r="F10" s="5">
        <v>3.2000000000000001E-2</v>
      </c>
      <c r="G10" s="5">
        <v>1</v>
      </c>
    </row>
    <row r="11" spans="1:8" ht="14.25" customHeight="1">
      <c r="A11" s="73" t="s">
        <v>171</v>
      </c>
      <c r="B11" s="6">
        <v>10</v>
      </c>
      <c r="C11" s="6">
        <v>5</v>
      </c>
      <c r="D11" s="6">
        <v>8</v>
      </c>
      <c r="E11" s="6">
        <v>4</v>
      </c>
      <c r="F11" s="6">
        <v>4</v>
      </c>
      <c r="G11" s="6">
        <v>31</v>
      </c>
    </row>
    <row r="12" spans="1:8">
      <c r="A12" s="74"/>
      <c r="B12" s="5">
        <v>0.32300000000000001</v>
      </c>
      <c r="C12" s="5">
        <v>0.161</v>
      </c>
      <c r="D12" s="5">
        <v>0.25800000000000001</v>
      </c>
      <c r="E12" s="5">
        <v>0.129</v>
      </c>
      <c r="F12" s="5">
        <v>0.129</v>
      </c>
      <c r="G12" s="5">
        <v>1</v>
      </c>
    </row>
    <row r="13" spans="1:8">
      <c r="A13" s="56" t="s">
        <v>29</v>
      </c>
      <c r="B13" s="4">
        <v>594</v>
      </c>
      <c r="C13" s="4">
        <v>1259</v>
      </c>
      <c r="D13" s="4">
        <v>1078</v>
      </c>
      <c r="E13" s="4">
        <v>631</v>
      </c>
      <c r="F13" s="4">
        <v>123</v>
      </c>
      <c r="G13" s="4">
        <v>3685</v>
      </c>
    </row>
    <row r="14" spans="1:8">
      <c r="A14" s="57"/>
      <c r="B14" s="5">
        <v>0.161</v>
      </c>
      <c r="C14" s="5">
        <v>0.34200000000000003</v>
      </c>
      <c r="D14" s="5">
        <v>0.29299999999999998</v>
      </c>
      <c r="E14" s="5">
        <v>0.17100000000000001</v>
      </c>
      <c r="F14" s="5">
        <v>3.3000000000000002E-2</v>
      </c>
      <c r="G14" s="5">
        <v>1</v>
      </c>
    </row>
    <row r="15" spans="1:8">
      <c r="A15" s="54" t="s">
        <v>127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3:A14"/>
    <mergeCell ref="A15:G16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"/>
  <dimension ref="A1:H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8">
      <c r="A1" s="1" t="s">
        <v>511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60" t="s">
        <v>168</v>
      </c>
      <c r="B3" s="53" t="s">
        <v>107</v>
      </c>
      <c r="C3" s="53"/>
      <c r="D3" s="53"/>
      <c r="E3" s="53"/>
      <c r="F3" s="53"/>
      <c r="G3" s="53"/>
      <c r="H3" s="2"/>
    </row>
    <row r="4" spans="1:8" ht="28.5">
      <c r="A4" s="60"/>
      <c r="B4" s="8" t="s">
        <v>135</v>
      </c>
      <c r="C4" s="8" t="s">
        <v>136</v>
      </c>
      <c r="D4" s="8" t="s">
        <v>137</v>
      </c>
      <c r="E4" s="8" t="s">
        <v>138</v>
      </c>
      <c r="F4" s="8" t="s">
        <v>42</v>
      </c>
      <c r="G4" s="8" t="s">
        <v>29</v>
      </c>
    </row>
    <row r="5" spans="1:8">
      <c r="A5" s="56" t="s">
        <v>169</v>
      </c>
      <c r="B5" s="4">
        <v>632</v>
      </c>
      <c r="C5" s="4">
        <v>583</v>
      </c>
      <c r="D5" s="4">
        <v>206</v>
      </c>
      <c r="E5" s="4">
        <v>415</v>
      </c>
      <c r="F5" s="4">
        <v>4</v>
      </c>
      <c r="G5" s="4">
        <v>1840</v>
      </c>
    </row>
    <row r="6" spans="1:8">
      <c r="A6" s="61"/>
      <c r="B6" s="5">
        <v>0.34300000000000003</v>
      </c>
      <c r="C6" s="5">
        <v>0.317</v>
      </c>
      <c r="D6" s="5">
        <v>0.112</v>
      </c>
      <c r="E6" s="5">
        <v>0.22600000000000001</v>
      </c>
      <c r="F6" s="5">
        <v>2E-3</v>
      </c>
      <c r="G6" s="5">
        <v>1</v>
      </c>
    </row>
    <row r="7" spans="1:8">
      <c r="A7" s="56" t="s">
        <v>170</v>
      </c>
      <c r="B7" s="6">
        <v>577</v>
      </c>
      <c r="C7" s="6">
        <v>575</v>
      </c>
      <c r="D7" s="6">
        <v>227</v>
      </c>
      <c r="E7" s="6">
        <v>458</v>
      </c>
      <c r="F7" s="6">
        <v>4</v>
      </c>
      <c r="G7" s="4">
        <v>1841</v>
      </c>
    </row>
    <row r="8" spans="1:8">
      <c r="A8" s="57"/>
      <c r="B8" s="5">
        <v>0.313</v>
      </c>
      <c r="C8" s="5">
        <v>0.312</v>
      </c>
      <c r="D8" s="5">
        <v>0.123</v>
      </c>
      <c r="E8" s="5">
        <v>0.249</v>
      </c>
      <c r="F8" s="5">
        <v>2E-3</v>
      </c>
      <c r="G8" s="5">
        <v>1</v>
      </c>
    </row>
    <row r="9" spans="1:8">
      <c r="A9" s="56" t="s">
        <v>171</v>
      </c>
      <c r="B9" s="6">
        <v>1</v>
      </c>
      <c r="C9" s="6">
        <v>2</v>
      </c>
      <c r="D9" s="6">
        <v>0</v>
      </c>
      <c r="E9" s="6">
        <v>1</v>
      </c>
      <c r="F9" s="6">
        <v>0</v>
      </c>
      <c r="G9" s="6">
        <v>4</v>
      </c>
    </row>
    <row r="10" spans="1:8">
      <c r="A10" s="57"/>
      <c r="B10" s="5">
        <v>0.25</v>
      </c>
      <c r="C10" s="5">
        <v>0.5</v>
      </c>
      <c r="D10" s="5">
        <v>0</v>
      </c>
      <c r="E10" s="5">
        <v>0.25</v>
      </c>
      <c r="F10" s="5">
        <v>0</v>
      </c>
      <c r="G10" s="5">
        <v>1</v>
      </c>
    </row>
    <row r="11" spans="1:8" ht="14.25" customHeight="1">
      <c r="A11" s="73" t="s">
        <v>29</v>
      </c>
      <c r="B11" s="4">
        <v>1210</v>
      </c>
      <c r="C11" s="4">
        <v>1160</v>
      </c>
      <c r="D11" s="4">
        <v>433</v>
      </c>
      <c r="E11" s="4">
        <v>874</v>
      </c>
      <c r="F11" s="4">
        <v>8</v>
      </c>
      <c r="G11" s="4">
        <v>3685</v>
      </c>
    </row>
    <row r="12" spans="1:8">
      <c r="A12" s="74"/>
      <c r="B12" s="5">
        <v>0.32800000000000001</v>
      </c>
      <c r="C12" s="5">
        <v>0.315</v>
      </c>
      <c r="D12" s="5">
        <v>0.11799999999999999</v>
      </c>
      <c r="E12" s="5">
        <v>0.23699999999999999</v>
      </c>
      <c r="F12" s="5">
        <v>2E-3</v>
      </c>
      <c r="G12" s="5">
        <v>1</v>
      </c>
    </row>
    <row r="13" spans="1:8">
      <c r="A13" s="54" t="s">
        <v>95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65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50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56" t="s">
        <v>221</v>
      </c>
      <c r="B5" s="4">
        <v>39</v>
      </c>
      <c r="C5" s="4">
        <v>464</v>
      </c>
      <c r="D5" s="4">
        <v>165</v>
      </c>
      <c r="E5" s="4">
        <v>2</v>
      </c>
      <c r="F5" s="4">
        <v>670</v>
      </c>
    </row>
    <row r="6" spans="1:7">
      <c r="A6" s="61"/>
      <c r="B6" s="5">
        <v>5.8000000000000003E-2</v>
      </c>
      <c r="C6" s="5">
        <v>0.69299999999999995</v>
      </c>
      <c r="D6" s="5">
        <v>0.246</v>
      </c>
      <c r="E6" s="5">
        <v>3.0000000000000001E-3</v>
      </c>
      <c r="F6" s="5">
        <v>1</v>
      </c>
    </row>
    <row r="7" spans="1:7">
      <c r="A7" s="56" t="s">
        <v>222</v>
      </c>
      <c r="B7" s="6">
        <v>72</v>
      </c>
      <c r="C7" s="6">
        <v>898</v>
      </c>
      <c r="D7" s="6">
        <v>221</v>
      </c>
      <c r="E7" s="6">
        <v>1</v>
      </c>
      <c r="F7" s="4">
        <v>1192</v>
      </c>
    </row>
    <row r="8" spans="1:7">
      <c r="A8" s="57"/>
      <c r="B8" s="5">
        <v>0.06</v>
      </c>
      <c r="C8" s="5">
        <v>0.753</v>
      </c>
      <c r="D8" s="5">
        <v>0.185</v>
      </c>
      <c r="E8" s="5">
        <v>1E-3</v>
      </c>
      <c r="F8" s="5">
        <v>1</v>
      </c>
    </row>
    <row r="9" spans="1:7">
      <c r="A9" s="56" t="s">
        <v>223</v>
      </c>
      <c r="B9" s="4">
        <v>74</v>
      </c>
      <c r="C9" s="4">
        <v>1438</v>
      </c>
      <c r="D9" s="4">
        <v>279</v>
      </c>
      <c r="E9" s="4">
        <v>1</v>
      </c>
      <c r="F9" s="4">
        <v>1792</v>
      </c>
    </row>
    <row r="10" spans="1:7">
      <c r="A10" s="57"/>
      <c r="B10" s="5">
        <v>4.1000000000000002E-2</v>
      </c>
      <c r="C10" s="5">
        <v>0.80200000000000005</v>
      </c>
      <c r="D10" s="5">
        <v>0.156</v>
      </c>
      <c r="E10" s="5">
        <v>1E-3</v>
      </c>
      <c r="F10" s="5">
        <v>1</v>
      </c>
    </row>
    <row r="11" spans="1:7" ht="14.25" customHeight="1">
      <c r="A11" s="73" t="s">
        <v>171</v>
      </c>
      <c r="B11" s="6">
        <v>1</v>
      </c>
      <c r="C11" s="6">
        <v>21</v>
      </c>
      <c r="D11" s="6">
        <v>7</v>
      </c>
      <c r="E11" s="6">
        <v>2</v>
      </c>
      <c r="F11" s="6">
        <v>31</v>
      </c>
    </row>
    <row r="12" spans="1:7">
      <c r="A12" s="74"/>
      <c r="B12" s="5">
        <v>3.2000000000000001E-2</v>
      </c>
      <c r="C12" s="5">
        <v>0.67700000000000005</v>
      </c>
      <c r="D12" s="5">
        <v>0.22600000000000001</v>
      </c>
      <c r="E12" s="5">
        <v>6.5000000000000002E-2</v>
      </c>
      <c r="F12" s="5">
        <v>1</v>
      </c>
    </row>
    <row r="13" spans="1:7">
      <c r="A13" s="56" t="s">
        <v>29</v>
      </c>
      <c r="B13" s="4">
        <v>186</v>
      </c>
      <c r="C13" s="4">
        <v>2821</v>
      </c>
      <c r="D13" s="4">
        <v>672</v>
      </c>
      <c r="E13" s="4">
        <v>6</v>
      </c>
      <c r="F13" s="4">
        <v>3685</v>
      </c>
    </row>
    <row r="14" spans="1:7">
      <c r="A14" s="57"/>
      <c r="B14" s="5">
        <v>0.05</v>
      </c>
      <c r="C14" s="5">
        <v>0.76600000000000001</v>
      </c>
      <c r="D14" s="5">
        <v>0.182</v>
      </c>
      <c r="E14" s="5">
        <v>2E-3</v>
      </c>
      <c r="F14" s="5">
        <v>1</v>
      </c>
    </row>
    <row r="15" spans="1:7">
      <c r="A15" s="54" t="s">
        <v>129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66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50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56" t="s">
        <v>221</v>
      </c>
      <c r="B5" s="4">
        <v>25</v>
      </c>
      <c r="C5" s="4">
        <v>7</v>
      </c>
      <c r="D5" s="4">
        <v>3</v>
      </c>
      <c r="E5" s="4">
        <v>3</v>
      </c>
      <c r="F5" s="4">
        <v>1</v>
      </c>
      <c r="G5" s="4">
        <v>39</v>
      </c>
    </row>
    <row r="6" spans="1:8">
      <c r="A6" s="61"/>
      <c r="B6" s="5">
        <v>0.64100000000000001</v>
      </c>
      <c r="C6" s="5">
        <v>0.17899999999999999</v>
      </c>
      <c r="D6" s="5">
        <v>7.6999999999999999E-2</v>
      </c>
      <c r="E6" s="5">
        <v>7.6999999999999999E-2</v>
      </c>
      <c r="F6" s="5">
        <v>2.5999999999999999E-2</v>
      </c>
      <c r="G6" s="5">
        <v>1</v>
      </c>
    </row>
    <row r="7" spans="1:8">
      <c r="A7" s="56" t="s">
        <v>222</v>
      </c>
      <c r="B7" s="6">
        <v>46</v>
      </c>
      <c r="C7" s="6">
        <v>16</v>
      </c>
      <c r="D7" s="6">
        <v>3</v>
      </c>
      <c r="E7" s="6">
        <v>4</v>
      </c>
      <c r="F7" s="6">
        <v>3</v>
      </c>
      <c r="G7" s="4">
        <v>72</v>
      </c>
    </row>
    <row r="8" spans="1:8">
      <c r="A8" s="57"/>
      <c r="B8" s="5">
        <v>0.63900000000000001</v>
      </c>
      <c r="C8" s="5">
        <v>0.222</v>
      </c>
      <c r="D8" s="5">
        <v>4.2000000000000003E-2</v>
      </c>
      <c r="E8" s="5">
        <v>5.6000000000000001E-2</v>
      </c>
      <c r="F8" s="5">
        <v>4.2000000000000003E-2</v>
      </c>
      <c r="G8" s="5">
        <v>1</v>
      </c>
    </row>
    <row r="9" spans="1:8">
      <c r="A9" s="56" t="s">
        <v>223</v>
      </c>
      <c r="B9" s="6">
        <v>49</v>
      </c>
      <c r="C9" s="6">
        <v>14</v>
      </c>
      <c r="D9" s="6">
        <v>3</v>
      </c>
      <c r="E9" s="6">
        <v>5</v>
      </c>
      <c r="F9" s="6">
        <v>3</v>
      </c>
      <c r="G9" s="6">
        <v>74</v>
      </c>
    </row>
    <row r="10" spans="1:8">
      <c r="A10" s="57"/>
      <c r="B10" s="5">
        <v>0.66200000000000003</v>
      </c>
      <c r="C10" s="5">
        <v>0.189</v>
      </c>
      <c r="D10" s="5">
        <v>4.1000000000000002E-2</v>
      </c>
      <c r="E10" s="5">
        <v>6.8000000000000005E-2</v>
      </c>
      <c r="F10" s="5">
        <v>4.1000000000000002E-2</v>
      </c>
      <c r="G10" s="5">
        <v>1</v>
      </c>
    </row>
    <row r="11" spans="1:8" ht="14.25" customHeight="1">
      <c r="A11" s="73" t="s">
        <v>171</v>
      </c>
      <c r="B11" s="6">
        <v>0</v>
      </c>
      <c r="C11" s="6">
        <v>0</v>
      </c>
      <c r="D11" s="6">
        <v>1</v>
      </c>
      <c r="E11" s="6">
        <v>0</v>
      </c>
      <c r="F11" s="6">
        <v>0</v>
      </c>
      <c r="G11" s="6">
        <v>1</v>
      </c>
    </row>
    <row r="12" spans="1:8">
      <c r="A12" s="74"/>
      <c r="B12" s="5">
        <v>0</v>
      </c>
      <c r="C12" s="5">
        <v>0</v>
      </c>
      <c r="D12" s="5">
        <v>1</v>
      </c>
      <c r="E12" s="5">
        <v>0</v>
      </c>
      <c r="F12" s="5">
        <v>0</v>
      </c>
      <c r="G12" s="5">
        <v>1</v>
      </c>
    </row>
    <row r="13" spans="1:8">
      <c r="A13" s="56" t="s">
        <v>29</v>
      </c>
      <c r="B13" s="6">
        <v>120</v>
      </c>
      <c r="C13" s="6">
        <v>37</v>
      </c>
      <c r="D13" s="6">
        <v>10</v>
      </c>
      <c r="E13" s="6">
        <v>12</v>
      </c>
      <c r="F13" s="6">
        <v>7</v>
      </c>
      <c r="G13" s="6">
        <v>186</v>
      </c>
    </row>
    <row r="14" spans="1:8">
      <c r="A14" s="57"/>
      <c r="B14" s="5">
        <v>0.64500000000000002</v>
      </c>
      <c r="C14" s="5">
        <v>0.19900000000000001</v>
      </c>
      <c r="D14" s="5">
        <v>5.3999999999999999E-2</v>
      </c>
      <c r="E14" s="5">
        <v>6.5000000000000002E-2</v>
      </c>
      <c r="F14" s="5">
        <v>3.7999999999999999E-2</v>
      </c>
      <c r="G14" s="5">
        <v>1</v>
      </c>
    </row>
    <row r="15" spans="1:8">
      <c r="A15" s="54" t="s">
        <v>131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3:A14"/>
    <mergeCell ref="A15:G16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67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24</v>
      </c>
      <c r="B3" s="53" t="s">
        <v>117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7">
      <c r="A5" s="73" t="s">
        <v>225</v>
      </c>
      <c r="B5" s="4">
        <v>1675</v>
      </c>
      <c r="C5" s="4">
        <v>1056</v>
      </c>
      <c r="D5" s="4">
        <v>82</v>
      </c>
      <c r="E5" s="4">
        <v>12</v>
      </c>
      <c r="F5" s="4">
        <v>2825</v>
      </c>
    </row>
    <row r="6" spans="1:7">
      <c r="A6" s="77"/>
      <c r="B6" s="5">
        <v>0.59299999999999997</v>
      </c>
      <c r="C6" s="5">
        <v>0.374</v>
      </c>
      <c r="D6" s="5">
        <v>2.9000000000000001E-2</v>
      </c>
      <c r="E6" s="5">
        <v>4.0000000000000001E-3</v>
      </c>
      <c r="F6" s="5">
        <v>1</v>
      </c>
    </row>
    <row r="7" spans="1:7">
      <c r="A7" s="73" t="s">
        <v>226</v>
      </c>
      <c r="B7" s="6">
        <v>138</v>
      </c>
      <c r="C7" s="6">
        <v>119</v>
      </c>
      <c r="D7" s="6">
        <v>9</v>
      </c>
      <c r="E7" s="6">
        <v>2</v>
      </c>
      <c r="F7" s="4">
        <v>268</v>
      </c>
    </row>
    <row r="8" spans="1:7">
      <c r="A8" s="74"/>
      <c r="B8" s="5">
        <v>0.51500000000000001</v>
      </c>
      <c r="C8" s="5">
        <v>0.44400000000000001</v>
      </c>
      <c r="D8" s="5">
        <v>3.4000000000000002E-2</v>
      </c>
      <c r="E8" s="5">
        <v>7.0000000000000001E-3</v>
      </c>
      <c r="F8" s="5">
        <v>1</v>
      </c>
    </row>
    <row r="9" spans="1:7">
      <c r="A9" s="73" t="s">
        <v>227</v>
      </c>
      <c r="B9" s="6">
        <v>180</v>
      </c>
      <c r="C9" s="6">
        <v>253</v>
      </c>
      <c r="D9" s="6">
        <v>18</v>
      </c>
      <c r="E9" s="6">
        <v>2</v>
      </c>
      <c r="F9" s="6">
        <v>453</v>
      </c>
    </row>
    <row r="10" spans="1:7">
      <c r="A10" s="74"/>
      <c r="B10" s="5">
        <v>0.39700000000000002</v>
      </c>
      <c r="C10" s="5">
        <v>0.55800000000000005</v>
      </c>
      <c r="D10" s="5">
        <v>0.04</v>
      </c>
      <c r="E10" s="5">
        <v>4.0000000000000001E-3</v>
      </c>
      <c r="F10" s="5">
        <v>1</v>
      </c>
    </row>
    <row r="11" spans="1:7">
      <c r="A11" s="73" t="s">
        <v>228</v>
      </c>
      <c r="B11" s="6">
        <v>57</v>
      </c>
      <c r="C11" s="6">
        <v>48</v>
      </c>
      <c r="D11" s="6">
        <v>13</v>
      </c>
      <c r="E11" s="6">
        <v>2</v>
      </c>
      <c r="F11" s="6">
        <v>120</v>
      </c>
    </row>
    <row r="12" spans="1:7">
      <c r="A12" s="74"/>
      <c r="B12" s="5">
        <v>0.47499999999999998</v>
      </c>
      <c r="C12" s="5">
        <v>0.4</v>
      </c>
      <c r="D12" s="5">
        <v>0.108</v>
      </c>
      <c r="E12" s="5">
        <v>1.7000000000000001E-2</v>
      </c>
      <c r="F12" s="5">
        <v>1</v>
      </c>
    </row>
    <row r="13" spans="1:7" ht="14.25" customHeight="1">
      <c r="A13" s="73" t="s">
        <v>171</v>
      </c>
      <c r="B13" s="6">
        <v>7</v>
      </c>
      <c r="C13" s="6">
        <v>7</v>
      </c>
      <c r="D13" s="6">
        <v>0</v>
      </c>
      <c r="E13" s="6">
        <v>5</v>
      </c>
      <c r="F13" s="6">
        <v>19</v>
      </c>
    </row>
    <row r="14" spans="1:7">
      <c r="A14" s="74"/>
      <c r="B14" s="5">
        <v>0.36799999999999999</v>
      </c>
      <c r="C14" s="5">
        <v>0.36799999999999999</v>
      </c>
      <c r="D14" s="5">
        <v>0</v>
      </c>
      <c r="E14" s="5">
        <v>0.26300000000000001</v>
      </c>
      <c r="F14" s="5">
        <v>1</v>
      </c>
    </row>
    <row r="15" spans="1:7">
      <c r="A15" s="73" t="s">
        <v>29</v>
      </c>
      <c r="B15" s="4">
        <v>2057</v>
      </c>
      <c r="C15" s="4">
        <v>1483</v>
      </c>
      <c r="D15" s="4">
        <v>122</v>
      </c>
      <c r="E15" s="4">
        <v>23</v>
      </c>
      <c r="F15" s="4">
        <v>3685</v>
      </c>
    </row>
    <row r="16" spans="1:7">
      <c r="A16" s="74"/>
      <c r="B16" s="5">
        <v>0.55800000000000005</v>
      </c>
      <c r="C16" s="5">
        <v>0.40200000000000002</v>
      </c>
      <c r="D16" s="5">
        <v>3.3000000000000002E-2</v>
      </c>
      <c r="E16" s="5">
        <v>6.0000000000000001E-3</v>
      </c>
      <c r="F16" s="5">
        <v>1</v>
      </c>
    </row>
    <row r="17" spans="1:6">
      <c r="A17" s="54" t="s">
        <v>118</v>
      </c>
      <c r="B17" s="54"/>
      <c r="C17" s="54"/>
      <c r="D17" s="54"/>
      <c r="E17" s="54"/>
      <c r="F17" s="54"/>
    </row>
    <row r="18" spans="1:6">
      <c r="A18" s="55"/>
      <c r="B18" s="55"/>
      <c r="C18" s="55"/>
      <c r="D18" s="55"/>
      <c r="E18" s="55"/>
      <c r="F18" s="55"/>
    </row>
  </sheetData>
  <mergeCells count="9">
    <mergeCell ref="A15:A16"/>
    <mergeCell ref="A17:F18"/>
    <mergeCell ref="A11:A12"/>
    <mergeCell ref="A3:A4"/>
    <mergeCell ref="B3:F3"/>
    <mergeCell ref="A5:A6"/>
    <mergeCell ref="A7:A8"/>
    <mergeCell ref="A9:A10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68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24</v>
      </c>
      <c r="B3" s="53" t="s">
        <v>120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25</v>
      </c>
      <c r="B5" s="4">
        <v>1838</v>
      </c>
      <c r="C5" s="4">
        <v>981</v>
      </c>
      <c r="D5" s="4">
        <v>6</v>
      </c>
      <c r="E5" s="4">
        <v>2825</v>
      </c>
    </row>
    <row r="6" spans="1:6">
      <c r="A6" s="77"/>
      <c r="B6" s="5">
        <v>0.65100000000000002</v>
      </c>
      <c r="C6" s="5">
        <v>0.34699999999999998</v>
      </c>
      <c r="D6" s="5">
        <v>2E-3</v>
      </c>
      <c r="E6" s="5">
        <v>1</v>
      </c>
    </row>
    <row r="7" spans="1:6">
      <c r="A7" s="73" t="s">
        <v>226</v>
      </c>
      <c r="B7" s="6">
        <v>167</v>
      </c>
      <c r="C7" s="6">
        <v>101</v>
      </c>
      <c r="D7" s="6">
        <v>0</v>
      </c>
      <c r="E7" s="4">
        <v>268</v>
      </c>
    </row>
    <row r="8" spans="1:6">
      <c r="A8" s="74"/>
      <c r="B8" s="5">
        <v>0.623</v>
      </c>
      <c r="C8" s="5">
        <v>0.377</v>
      </c>
      <c r="D8" s="5">
        <v>0</v>
      </c>
      <c r="E8" s="5">
        <v>1</v>
      </c>
    </row>
    <row r="9" spans="1:6">
      <c r="A9" s="73" t="s">
        <v>227</v>
      </c>
      <c r="B9" s="6">
        <v>240</v>
      </c>
      <c r="C9" s="6">
        <v>213</v>
      </c>
      <c r="D9" s="6">
        <v>0</v>
      </c>
      <c r="E9" s="6">
        <v>453</v>
      </c>
    </row>
    <row r="10" spans="1:6">
      <c r="A10" s="74"/>
      <c r="B10" s="5">
        <v>0.53</v>
      </c>
      <c r="C10" s="5">
        <v>0.47</v>
      </c>
      <c r="D10" s="5">
        <v>0</v>
      </c>
      <c r="E10" s="5">
        <v>1</v>
      </c>
    </row>
    <row r="11" spans="1:6">
      <c r="A11" s="73" t="s">
        <v>228</v>
      </c>
      <c r="B11" s="6">
        <v>62</v>
      </c>
      <c r="C11" s="6">
        <v>56</v>
      </c>
      <c r="D11" s="6">
        <v>2</v>
      </c>
      <c r="E11" s="6">
        <v>120</v>
      </c>
    </row>
    <row r="12" spans="1:6">
      <c r="A12" s="74"/>
      <c r="B12" s="5">
        <v>0.51700000000000002</v>
      </c>
      <c r="C12" s="5">
        <v>0.46700000000000003</v>
      </c>
      <c r="D12" s="5">
        <v>1.7000000000000001E-2</v>
      </c>
      <c r="E12" s="5">
        <v>1</v>
      </c>
    </row>
    <row r="13" spans="1:6" ht="14.25" customHeight="1">
      <c r="A13" s="56" t="s">
        <v>171</v>
      </c>
      <c r="B13" s="6">
        <v>9</v>
      </c>
      <c r="C13" s="6">
        <v>8</v>
      </c>
      <c r="D13" s="6">
        <v>2</v>
      </c>
      <c r="E13" s="6">
        <v>19</v>
      </c>
    </row>
    <row r="14" spans="1:6">
      <c r="A14" s="57"/>
      <c r="B14" s="5">
        <v>0.47399999999999998</v>
      </c>
      <c r="C14" s="5">
        <v>0.42099999999999999</v>
      </c>
      <c r="D14" s="5">
        <v>0.105</v>
      </c>
      <c r="E14" s="5">
        <v>1</v>
      </c>
    </row>
    <row r="15" spans="1:6">
      <c r="A15" s="56" t="s">
        <v>29</v>
      </c>
      <c r="B15" s="4">
        <v>2316</v>
      </c>
      <c r="C15" s="4">
        <v>1359</v>
      </c>
      <c r="D15" s="4">
        <v>10</v>
      </c>
      <c r="E15" s="4">
        <v>3685</v>
      </c>
    </row>
    <row r="16" spans="1:6">
      <c r="A16" s="57"/>
      <c r="B16" s="5">
        <v>0.628</v>
      </c>
      <c r="C16" s="5">
        <v>0.36899999999999999</v>
      </c>
      <c r="D16" s="5">
        <v>3.0000000000000001E-3</v>
      </c>
      <c r="E16" s="5">
        <v>1</v>
      </c>
    </row>
    <row r="17" spans="1:5">
      <c r="A17" s="54" t="s">
        <v>121</v>
      </c>
      <c r="B17" s="54"/>
      <c r="C17" s="54"/>
      <c r="D17" s="54"/>
      <c r="E17" s="54"/>
    </row>
    <row r="18" spans="1:5">
      <c r="A18" s="55"/>
      <c r="B18" s="55"/>
      <c r="C18" s="55"/>
      <c r="D18" s="55"/>
      <c r="E18" s="55"/>
    </row>
  </sheetData>
  <mergeCells count="9">
    <mergeCell ref="A15:A16"/>
    <mergeCell ref="A17:E18"/>
    <mergeCell ref="A9:A10"/>
    <mergeCell ref="A3:A4"/>
    <mergeCell ref="B3:E3"/>
    <mergeCell ref="A5:A6"/>
    <mergeCell ref="A7:A8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769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60" customHeight="1">
      <c r="A3" s="78" t="s">
        <v>224</v>
      </c>
      <c r="B3" s="62" t="s">
        <v>240</v>
      </c>
      <c r="C3" s="63"/>
      <c r="D3" s="62" t="s">
        <v>241</v>
      </c>
      <c r="E3" s="63"/>
      <c r="F3" s="62" t="s">
        <v>242</v>
      </c>
      <c r="G3" s="63"/>
    </row>
    <row r="4" spans="1:7">
      <c r="A4" s="78"/>
      <c r="B4" s="8" t="s">
        <v>191</v>
      </c>
      <c r="C4" s="8" t="s">
        <v>190</v>
      </c>
      <c r="D4" s="8" t="s">
        <v>191</v>
      </c>
      <c r="E4" s="8" t="s">
        <v>190</v>
      </c>
      <c r="F4" s="8" t="s">
        <v>191</v>
      </c>
      <c r="G4" s="8" t="s">
        <v>190</v>
      </c>
    </row>
    <row r="5" spans="1:7">
      <c r="A5" s="73" t="s">
        <v>225</v>
      </c>
      <c r="B5" s="4">
        <v>1698</v>
      </c>
      <c r="C5" s="4">
        <v>140</v>
      </c>
      <c r="D5" s="4">
        <v>353</v>
      </c>
      <c r="E5" s="4">
        <v>1485</v>
      </c>
      <c r="F5" s="4">
        <v>1201</v>
      </c>
      <c r="G5" s="4">
        <v>637</v>
      </c>
    </row>
    <row r="6" spans="1:7">
      <c r="A6" s="77"/>
      <c r="B6" s="5">
        <v>0.92400000000000004</v>
      </c>
      <c r="C6" s="5">
        <v>7.5999999999999998E-2</v>
      </c>
      <c r="D6" s="5">
        <v>0.192</v>
      </c>
      <c r="E6" s="5">
        <v>0.80800000000000005</v>
      </c>
      <c r="F6" s="5">
        <v>0.65300000000000002</v>
      </c>
      <c r="G6" s="5">
        <v>0.34699999999999998</v>
      </c>
    </row>
    <row r="7" spans="1:7">
      <c r="A7" s="73" t="s">
        <v>226</v>
      </c>
      <c r="B7" s="6">
        <v>155</v>
      </c>
      <c r="C7" s="6">
        <v>12</v>
      </c>
      <c r="D7" s="6">
        <v>33</v>
      </c>
      <c r="E7" s="6">
        <v>134</v>
      </c>
      <c r="F7" s="6">
        <v>132</v>
      </c>
      <c r="G7" s="6">
        <v>35</v>
      </c>
    </row>
    <row r="8" spans="1:7">
      <c r="A8" s="74"/>
      <c r="B8" s="5">
        <v>0.92800000000000005</v>
      </c>
      <c r="C8" s="5">
        <v>7.1999999999999995E-2</v>
      </c>
      <c r="D8" s="5">
        <v>0.19800000000000001</v>
      </c>
      <c r="E8" s="5">
        <v>0.80200000000000005</v>
      </c>
      <c r="F8" s="5">
        <v>0.79</v>
      </c>
      <c r="G8" s="5">
        <v>0.21</v>
      </c>
    </row>
    <row r="9" spans="1:7">
      <c r="A9" s="73" t="s">
        <v>227</v>
      </c>
      <c r="B9" s="6">
        <v>215</v>
      </c>
      <c r="C9" s="6">
        <v>25</v>
      </c>
      <c r="D9" s="6">
        <v>59</v>
      </c>
      <c r="E9" s="6">
        <v>181</v>
      </c>
      <c r="F9" s="6">
        <v>169</v>
      </c>
      <c r="G9" s="6">
        <v>71</v>
      </c>
    </row>
    <row r="10" spans="1:7">
      <c r="A10" s="74"/>
      <c r="B10" s="5">
        <v>0.89600000000000002</v>
      </c>
      <c r="C10" s="5">
        <v>0.104</v>
      </c>
      <c r="D10" s="5">
        <v>0.246</v>
      </c>
      <c r="E10" s="5">
        <v>0.754</v>
      </c>
      <c r="F10" s="5">
        <v>0.70399999999999996</v>
      </c>
      <c r="G10" s="5">
        <v>0.29599999999999999</v>
      </c>
    </row>
    <row r="11" spans="1:7">
      <c r="A11" s="73" t="s">
        <v>228</v>
      </c>
      <c r="B11" s="6">
        <v>58</v>
      </c>
      <c r="C11" s="6">
        <v>4</v>
      </c>
      <c r="D11" s="6">
        <v>12</v>
      </c>
      <c r="E11" s="6">
        <v>50</v>
      </c>
      <c r="F11" s="6">
        <v>49</v>
      </c>
      <c r="G11" s="6">
        <v>13</v>
      </c>
    </row>
    <row r="12" spans="1:7">
      <c r="A12" s="74"/>
      <c r="B12" s="5">
        <v>0.93500000000000005</v>
      </c>
      <c r="C12" s="5">
        <v>6.5000000000000002E-2</v>
      </c>
      <c r="D12" s="5">
        <v>0.19400000000000001</v>
      </c>
      <c r="E12" s="5">
        <v>0.80600000000000005</v>
      </c>
      <c r="F12" s="5">
        <v>0.79</v>
      </c>
      <c r="G12" s="5">
        <v>0.21</v>
      </c>
    </row>
    <row r="13" spans="1:7">
      <c r="A13" s="56" t="s">
        <v>171</v>
      </c>
      <c r="B13" s="6">
        <v>7</v>
      </c>
      <c r="C13" s="6">
        <v>2</v>
      </c>
      <c r="D13" s="6">
        <v>4</v>
      </c>
      <c r="E13" s="6">
        <v>5</v>
      </c>
      <c r="F13" s="6">
        <v>8</v>
      </c>
      <c r="G13" s="6">
        <v>1</v>
      </c>
    </row>
    <row r="14" spans="1:7">
      <c r="A14" s="57"/>
      <c r="B14" s="5">
        <v>0.77800000000000002</v>
      </c>
      <c r="C14" s="5">
        <v>0.222</v>
      </c>
      <c r="D14" s="5">
        <v>0.44400000000000001</v>
      </c>
      <c r="E14" s="5">
        <v>0.55600000000000005</v>
      </c>
      <c r="F14" s="5">
        <v>0.88900000000000001</v>
      </c>
      <c r="G14" s="5">
        <v>0.111</v>
      </c>
    </row>
    <row r="15" spans="1:7">
      <c r="A15" s="56" t="s">
        <v>29</v>
      </c>
      <c r="B15" s="4">
        <v>2133</v>
      </c>
      <c r="C15" s="4">
        <v>183</v>
      </c>
      <c r="D15" s="4">
        <v>461</v>
      </c>
      <c r="E15" s="4">
        <v>1855</v>
      </c>
      <c r="F15" s="4">
        <v>1559</v>
      </c>
      <c r="G15" s="4">
        <v>757</v>
      </c>
    </row>
    <row r="16" spans="1:7">
      <c r="A16" s="57"/>
      <c r="B16" s="5">
        <v>0.92100000000000004</v>
      </c>
      <c r="C16" s="5">
        <v>7.9000000000000001E-2</v>
      </c>
      <c r="D16" s="5">
        <v>0.19900000000000001</v>
      </c>
      <c r="E16" s="5">
        <v>0.80100000000000005</v>
      </c>
      <c r="F16" s="5">
        <v>0.67300000000000004</v>
      </c>
      <c r="G16" s="5">
        <v>0.32700000000000001</v>
      </c>
    </row>
    <row r="18" spans="1:7" ht="33" customHeight="1">
      <c r="A18" s="78" t="s">
        <v>224</v>
      </c>
      <c r="B18" s="62" t="s">
        <v>243</v>
      </c>
      <c r="C18" s="63"/>
      <c r="D18" s="62" t="s">
        <v>244</v>
      </c>
      <c r="E18" s="63"/>
      <c r="F18" s="62" t="s">
        <v>245</v>
      </c>
      <c r="G18" s="63"/>
    </row>
    <row r="19" spans="1:7">
      <c r="A19" s="78"/>
      <c r="B19" s="8" t="s">
        <v>191</v>
      </c>
      <c r="C19" s="8" t="s">
        <v>190</v>
      </c>
      <c r="D19" s="8" t="s">
        <v>191</v>
      </c>
      <c r="E19" s="8" t="s">
        <v>190</v>
      </c>
      <c r="F19" s="8" t="s">
        <v>191</v>
      </c>
      <c r="G19" s="8" t="s">
        <v>190</v>
      </c>
    </row>
    <row r="20" spans="1:7">
      <c r="A20" s="73" t="s">
        <v>225</v>
      </c>
      <c r="B20" s="4">
        <v>563</v>
      </c>
      <c r="C20" s="4">
        <v>1275</v>
      </c>
      <c r="D20" s="4">
        <v>1785</v>
      </c>
      <c r="E20" s="4">
        <v>53</v>
      </c>
      <c r="F20" s="4">
        <v>1770</v>
      </c>
      <c r="G20" s="4">
        <v>68</v>
      </c>
    </row>
    <row r="21" spans="1:7">
      <c r="A21" s="77"/>
      <c r="B21" s="5">
        <v>0.30599999999999999</v>
      </c>
      <c r="C21" s="5">
        <v>0.69399999999999995</v>
      </c>
      <c r="D21" s="5">
        <v>0.97099999999999997</v>
      </c>
      <c r="E21" s="5">
        <v>2.9000000000000001E-2</v>
      </c>
      <c r="F21" s="5">
        <v>0.96299999999999997</v>
      </c>
      <c r="G21" s="5">
        <v>3.6999999999999998E-2</v>
      </c>
    </row>
    <row r="22" spans="1:7">
      <c r="A22" s="73" t="s">
        <v>226</v>
      </c>
      <c r="B22" s="6">
        <v>72</v>
      </c>
      <c r="C22" s="6">
        <v>95</v>
      </c>
      <c r="D22" s="6">
        <v>162</v>
      </c>
      <c r="E22" s="4">
        <v>5</v>
      </c>
      <c r="F22" s="6">
        <v>156</v>
      </c>
      <c r="G22" s="6">
        <v>11</v>
      </c>
    </row>
    <row r="23" spans="1:7">
      <c r="A23" s="74"/>
      <c r="B23" s="5">
        <v>0.43099999999999999</v>
      </c>
      <c r="C23" s="5">
        <v>0.56899999999999995</v>
      </c>
      <c r="D23" s="5">
        <v>0.97</v>
      </c>
      <c r="E23" s="5">
        <v>0.03</v>
      </c>
      <c r="F23" s="5">
        <v>0.93400000000000005</v>
      </c>
      <c r="G23" s="5">
        <v>6.6000000000000003E-2</v>
      </c>
    </row>
    <row r="24" spans="1:7">
      <c r="A24" s="73" t="s">
        <v>227</v>
      </c>
      <c r="B24" s="6">
        <v>119</v>
      </c>
      <c r="C24" s="6">
        <v>121</v>
      </c>
      <c r="D24" s="6">
        <v>234</v>
      </c>
      <c r="E24" s="4">
        <v>6</v>
      </c>
      <c r="F24" s="6">
        <v>233</v>
      </c>
      <c r="G24" s="6">
        <v>7</v>
      </c>
    </row>
    <row r="25" spans="1:7">
      <c r="A25" s="74"/>
      <c r="B25" s="5">
        <v>0.496</v>
      </c>
      <c r="C25" s="5">
        <v>0.504</v>
      </c>
      <c r="D25" s="5">
        <v>0.97499999999999998</v>
      </c>
      <c r="E25" s="5">
        <v>2.5000000000000001E-2</v>
      </c>
      <c r="F25" s="5">
        <v>0.97099999999999997</v>
      </c>
      <c r="G25" s="5">
        <v>2.9000000000000001E-2</v>
      </c>
    </row>
    <row r="26" spans="1:7">
      <c r="A26" s="73" t="s">
        <v>228</v>
      </c>
      <c r="B26" s="6">
        <v>29</v>
      </c>
      <c r="C26" s="6">
        <v>33</v>
      </c>
      <c r="D26" s="6">
        <v>61</v>
      </c>
      <c r="E26" s="6">
        <v>1</v>
      </c>
      <c r="F26" s="6">
        <v>55</v>
      </c>
      <c r="G26" s="6">
        <v>7</v>
      </c>
    </row>
    <row r="27" spans="1:7">
      <c r="A27" s="74"/>
      <c r="B27" s="5">
        <v>0.46800000000000003</v>
      </c>
      <c r="C27" s="5">
        <v>0.53200000000000003</v>
      </c>
      <c r="D27" s="5">
        <v>0.98399999999999999</v>
      </c>
      <c r="E27" s="5">
        <v>1.6E-2</v>
      </c>
      <c r="F27" s="5">
        <v>0.88700000000000001</v>
      </c>
      <c r="G27" s="5">
        <v>0.113</v>
      </c>
    </row>
    <row r="28" spans="1:7">
      <c r="A28" s="56" t="s">
        <v>171</v>
      </c>
      <c r="B28" s="6">
        <v>5</v>
      </c>
      <c r="C28" s="6">
        <v>4</v>
      </c>
      <c r="D28" s="6">
        <v>9</v>
      </c>
      <c r="E28" s="6">
        <v>0</v>
      </c>
      <c r="F28" s="6">
        <v>9</v>
      </c>
      <c r="G28" s="6">
        <v>0</v>
      </c>
    </row>
    <row r="29" spans="1:7">
      <c r="A29" s="57"/>
      <c r="B29" s="5">
        <v>0.55600000000000005</v>
      </c>
      <c r="C29" s="5">
        <v>0.44400000000000001</v>
      </c>
      <c r="D29" s="5">
        <v>1</v>
      </c>
      <c r="E29" s="5">
        <v>0</v>
      </c>
      <c r="F29" s="5">
        <v>1</v>
      </c>
      <c r="G29" s="5">
        <v>0</v>
      </c>
    </row>
    <row r="30" spans="1:7">
      <c r="A30" s="56" t="s">
        <v>29</v>
      </c>
      <c r="B30" s="4">
        <v>788</v>
      </c>
      <c r="C30" s="4">
        <v>1528</v>
      </c>
      <c r="D30" s="4">
        <v>2251</v>
      </c>
      <c r="E30" s="4">
        <v>65</v>
      </c>
      <c r="F30" s="4">
        <v>2223</v>
      </c>
      <c r="G30" s="4">
        <v>93</v>
      </c>
    </row>
    <row r="31" spans="1:7">
      <c r="A31" s="57"/>
      <c r="B31" s="5">
        <v>0.34</v>
      </c>
      <c r="C31" s="5">
        <v>0.66</v>
      </c>
      <c r="D31" s="5">
        <v>0.97199999999999998</v>
      </c>
      <c r="E31" s="5">
        <v>2.8000000000000001E-2</v>
      </c>
      <c r="F31" s="5">
        <v>0.96</v>
      </c>
      <c r="G31" s="5">
        <v>0.04</v>
      </c>
    </row>
    <row r="33" spans="1:7" ht="45" customHeight="1">
      <c r="A33" s="78" t="s">
        <v>224</v>
      </c>
      <c r="B33" s="62" t="s">
        <v>246</v>
      </c>
      <c r="C33" s="63"/>
      <c r="D33" s="62" t="s">
        <v>247</v>
      </c>
      <c r="E33" s="63"/>
      <c r="F33" s="62" t="s">
        <v>248</v>
      </c>
      <c r="G33" s="63"/>
    </row>
    <row r="34" spans="1:7">
      <c r="A34" s="78"/>
      <c r="B34" s="8" t="s">
        <v>191</v>
      </c>
      <c r="C34" s="8" t="s">
        <v>190</v>
      </c>
      <c r="D34" s="8" t="s">
        <v>191</v>
      </c>
      <c r="E34" s="8" t="s">
        <v>190</v>
      </c>
      <c r="F34" s="8" t="s">
        <v>191</v>
      </c>
      <c r="G34" s="8" t="s">
        <v>190</v>
      </c>
    </row>
    <row r="35" spans="1:7">
      <c r="A35" s="73" t="s">
        <v>225</v>
      </c>
      <c r="B35" s="4">
        <v>1752</v>
      </c>
      <c r="C35" s="4">
        <v>86</v>
      </c>
      <c r="D35" s="4">
        <v>1832</v>
      </c>
      <c r="E35" s="4">
        <v>6</v>
      </c>
      <c r="F35" s="4">
        <v>1802</v>
      </c>
      <c r="G35" s="4">
        <v>36</v>
      </c>
    </row>
    <row r="36" spans="1:7">
      <c r="A36" s="77"/>
      <c r="B36" s="5">
        <v>0.95299999999999996</v>
      </c>
      <c r="C36" s="5">
        <v>4.7E-2</v>
      </c>
      <c r="D36" s="5">
        <v>0.997</v>
      </c>
      <c r="E36" s="5">
        <v>3.0000000000000001E-3</v>
      </c>
      <c r="F36" s="5">
        <v>0.98</v>
      </c>
      <c r="G36" s="5">
        <v>0.02</v>
      </c>
    </row>
    <row r="37" spans="1:7">
      <c r="A37" s="73" t="s">
        <v>226</v>
      </c>
      <c r="B37" s="6">
        <v>157</v>
      </c>
      <c r="C37" s="6">
        <v>10</v>
      </c>
      <c r="D37" s="6">
        <v>167</v>
      </c>
      <c r="E37" s="6">
        <v>0</v>
      </c>
      <c r="F37" s="6">
        <v>163</v>
      </c>
      <c r="G37" s="6">
        <v>4</v>
      </c>
    </row>
    <row r="38" spans="1:7">
      <c r="A38" s="74"/>
      <c r="B38" s="5">
        <v>0.94</v>
      </c>
      <c r="C38" s="5">
        <v>0.06</v>
      </c>
      <c r="D38" s="5">
        <v>1</v>
      </c>
      <c r="E38" s="5">
        <v>0</v>
      </c>
      <c r="F38" s="5">
        <v>0.97599999999999998</v>
      </c>
      <c r="G38" s="5">
        <v>2.4E-2</v>
      </c>
    </row>
    <row r="39" spans="1:7">
      <c r="A39" s="73" t="s">
        <v>227</v>
      </c>
      <c r="B39" s="6">
        <v>224</v>
      </c>
      <c r="C39" s="6">
        <v>16</v>
      </c>
      <c r="D39" s="6">
        <v>240</v>
      </c>
      <c r="E39" s="6">
        <v>0</v>
      </c>
      <c r="F39" s="6">
        <v>236</v>
      </c>
      <c r="G39" s="6">
        <v>4</v>
      </c>
    </row>
    <row r="40" spans="1:7">
      <c r="A40" s="74"/>
      <c r="B40" s="5">
        <v>0.93300000000000005</v>
      </c>
      <c r="C40" s="5">
        <v>6.7000000000000004E-2</v>
      </c>
      <c r="D40" s="5">
        <v>1</v>
      </c>
      <c r="E40" s="5">
        <v>0</v>
      </c>
      <c r="F40" s="5">
        <v>0.98299999999999998</v>
      </c>
      <c r="G40" s="5">
        <v>1.7000000000000001E-2</v>
      </c>
    </row>
    <row r="41" spans="1:7">
      <c r="A41" s="73" t="s">
        <v>228</v>
      </c>
      <c r="B41" s="6">
        <v>60</v>
      </c>
      <c r="C41" s="6">
        <v>2</v>
      </c>
      <c r="D41" s="6">
        <v>62</v>
      </c>
      <c r="E41" s="6">
        <v>0</v>
      </c>
      <c r="F41" s="6">
        <v>62</v>
      </c>
      <c r="G41" s="6">
        <v>0</v>
      </c>
    </row>
    <row r="42" spans="1:7">
      <c r="A42" s="74"/>
      <c r="B42" s="5">
        <v>0.96799999999999997</v>
      </c>
      <c r="C42" s="5">
        <v>3.2000000000000001E-2</v>
      </c>
      <c r="D42" s="5">
        <v>1</v>
      </c>
      <c r="E42" s="5">
        <v>0</v>
      </c>
      <c r="F42" s="5">
        <v>1</v>
      </c>
      <c r="G42" s="5">
        <v>0</v>
      </c>
    </row>
    <row r="43" spans="1:7">
      <c r="A43" s="56" t="s">
        <v>171</v>
      </c>
      <c r="B43" s="6">
        <v>9</v>
      </c>
      <c r="C43" s="6">
        <v>0</v>
      </c>
      <c r="D43" s="6">
        <v>9</v>
      </c>
      <c r="E43" s="6">
        <v>0</v>
      </c>
      <c r="F43" s="6">
        <v>9</v>
      </c>
      <c r="G43" s="6">
        <v>0</v>
      </c>
    </row>
    <row r="44" spans="1:7">
      <c r="A44" s="57"/>
      <c r="B44" s="5">
        <v>1</v>
      </c>
      <c r="C44" s="5">
        <v>0</v>
      </c>
      <c r="D44" s="5">
        <v>1</v>
      </c>
      <c r="E44" s="5">
        <v>0</v>
      </c>
      <c r="F44" s="5">
        <v>1</v>
      </c>
      <c r="G44" s="5">
        <v>0</v>
      </c>
    </row>
    <row r="45" spans="1:7">
      <c r="A45" s="56" t="s">
        <v>29</v>
      </c>
      <c r="B45" s="4">
        <v>2202</v>
      </c>
      <c r="C45" s="4">
        <v>114</v>
      </c>
      <c r="D45" s="4">
        <v>2310</v>
      </c>
      <c r="E45" s="4">
        <v>6</v>
      </c>
      <c r="F45" s="4">
        <v>2272</v>
      </c>
      <c r="G45" s="4">
        <v>44</v>
      </c>
    </row>
    <row r="46" spans="1:7">
      <c r="A46" s="57"/>
      <c r="B46" s="5">
        <v>0.95099999999999996</v>
      </c>
      <c r="C46" s="5">
        <v>4.9000000000000002E-2</v>
      </c>
      <c r="D46" s="5">
        <v>0.997</v>
      </c>
      <c r="E46" s="5">
        <v>3.0000000000000001E-3</v>
      </c>
      <c r="F46" s="5">
        <v>0.98099999999999998</v>
      </c>
      <c r="G46" s="5">
        <v>1.9E-2</v>
      </c>
    </row>
    <row r="47" spans="1:7">
      <c r="A47" s="54" t="s">
        <v>631</v>
      </c>
      <c r="B47" s="54"/>
      <c r="C47" s="54"/>
      <c r="D47" s="54"/>
      <c r="E47" s="54"/>
      <c r="F47" s="54"/>
      <c r="G47" s="54"/>
    </row>
    <row r="48" spans="1:7">
      <c r="A48" s="55"/>
      <c r="B48" s="55"/>
      <c r="C48" s="55"/>
      <c r="D48" s="55"/>
      <c r="E48" s="55"/>
      <c r="F48" s="55"/>
      <c r="G48" s="55"/>
    </row>
  </sheetData>
  <mergeCells count="31">
    <mergeCell ref="A3:A4"/>
    <mergeCell ref="B3:C3"/>
    <mergeCell ref="D3:E3"/>
    <mergeCell ref="F3:G3"/>
    <mergeCell ref="B18:C18"/>
    <mergeCell ref="A5:A6"/>
    <mergeCell ref="A7:A8"/>
    <mergeCell ref="A11:A12"/>
    <mergeCell ref="A13:A14"/>
    <mergeCell ref="A15:A16"/>
    <mergeCell ref="A9:A10"/>
    <mergeCell ref="A22:A23"/>
    <mergeCell ref="F18:G18"/>
    <mergeCell ref="A26:A27"/>
    <mergeCell ref="A28:A29"/>
    <mergeCell ref="A30:A31"/>
    <mergeCell ref="A20:A21"/>
    <mergeCell ref="A18:A19"/>
    <mergeCell ref="D18:E18"/>
    <mergeCell ref="A33:A34"/>
    <mergeCell ref="B33:C33"/>
    <mergeCell ref="D33:E33"/>
    <mergeCell ref="F33:G33"/>
    <mergeCell ref="A24:A25"/>
    <mergeCell ref="A45:A46"/>
    <mergeCell ref="A47:G48"/>
    <mergeCell ref="A35:A36"/>
    <mergeCell ref="A37:A38"/>
    <mergeCell ref="A39:A40"/>
    <mergeCell ref="A41:A42"/>
    <mergeCell ref="A43:A4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70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24</v>
      </c>
      <c r="B3" s="53" t="s">
        <v>122</v>
      </c>
      <c r="C3" s="53"/>
      <c r="D3" s="53"/>
      <c r="E3" s="53"/>
      <c r="F3" s="2"/>
    </row>
    <row r="4" spans="1:6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73" t="s">
        <v>225</v>
      </c>
      <c r="B5" s="4">
        <v>1630</v>
      </c>
      <c r="C5" s="4">
        <v>1186</v>
      </c>
      <c r="D5" s="4">
        <v>9</v>
      </c>
      <c r="E5" s="4">
        <v>2825</v>
      </c>
    </row>
    <row r="6" spans="1:6">
      <c r="A6" s="77"/>
      <c r="B6" s="5">
        <v>0.57699999999999996</v>
      </c>
      <c r="C6" s="5">
        <v>0.42</v>
      </c>
      <c r="D6" s="5">
        <v>3.0000000000000001E-3</v>
      </c>
      <c r="E6" s="5">
        <v>1</v>
      </c>
    </row>
    <row r="7" spans="1:6">
      <c r="A7" s="73" t="s">
        <v>226</v>
      </c>
      <c r="B7" s="6">
        <v>149</v>
      </c>
      <c r="C7" s="6">
        <v>118</v>
      </c>
      <c r="D7" s="6">
        <v>1</v>
      </c>
      <c r="E7" s="4">
        <v>268</v>
      </c>
    </row>
    <row r="8" spans="1:6">
      <c r="A8" s="74"/>
      <c r="B8" s="5">
        <v>0.55600000000000005</v>
      </c>
      <c r="C8" s="5">
        <v>0.44</v>
      </c>
      <c r="D8" s="5">
        <v>4.0000000000000001E-3</v>
      </c>
      <c r="E8" s="5">
        <v>1</v>
      </c>
    </row>
    <row r="9" spans="1:6">
      <c r="A9" s="73" t="s">
        <v>227</v>
      </c>
      <c r="B9" s="6">
        <v>190</v>
      </c>
      <c r="C9" s="6">
        <v>261</v>
      </c>
      <c r="D9" s="6">
        <v>2</v>
      </c>
      <c r="E9" s="6">
        <v>453</v>
      </c>
    </row>
    <row r="10" spans="1:6">
      <c r="A10" s="74"/>
      <c r="B10" s="5">
        <v>0.41899999999999998</v>
      </c>
      <c r="C10" s="5">
        <v>0.57599999999999996</v>
      </c>
      <c r="D10" s="5">
        <v>4.0000000000000001E-3</v>
      </c>
      <c r="E10" s="5">
        <v>1</v>
      </c>
    </row>
    <row r="11" spans="1:6">
      <c r="A11" s="73" t="s">
        <v>228</v>
      </c>
      <c r="B11" s="6">
        <v>54</v>
      </c>
      <c r="C11" s="6">
        <v>65</v>
      </c>
      <c r="D11" s="6">
        <v>1</v>
      </c>
      <c r="E11" s="6">
        <v>120</v>
      </c>
    </row>
    <row r="12" spans="1:6">
      <c r="A12" s="74"/>
      <c r="B12" s="5">
        <v>0.45</v>
      </c>
      <c r="C12" s="5">
        <v>0.54200000000000004</v>
      </c>
      <c r="D12" s="5">
        <v>8.0000000000000002E-3</v>
      </c>
      <c r="E12" s="5">
        <v>1</v>
      </c>
    </row>
    <row r="13" spans="1:6" ht="14.25" customHeight="1">
      <c r="A13" s="56" t="s">
        <v>171</v>
      </c>
      <c r="B13" s="6">
        <v>7</v>
      </c>
      <c r="C13" s="6">
        <v>10</v>
      </c>
      <c r="D13" s="6">
        <v>2</v>
      </c>
      <c r="E13" s="6">
        <v>19</v>
      </c>
    </row>
    <row r="14" spans="1:6">
      <c r="A14" s="57"/>
      <c r="B14" s="5">
        <v>0.36799999999999999</v>
      </c>
      <c r="C14" s="5">
        <v>0.52600000000000002</v>
      </c>
      <c r="D14" s="5">
        <v>0.105</v>
      </c>
      <c r="E14" s="5">
        <v>1</v>
      </c>
    </row>
    <row r="15" spans="1:6">
      <c r="A15" s="56" t="s">
        <v>29</v>
      </c>
      <c r="B15" s="4">
        <v>2030</v>
      </c>
      <c r="C15" s="4">
        <v>1640</v>
      </c>
      <c r="D15" s="4">
        <v>15</v>
      </c>
      <c r="E15" s="4">
        <v>3685</v>
      </c>
    </row>
    <row r="16" spans="1:6">
      <c r="A16" s="57"/>
      <c r="B16" s="5">
        <v>0.55100000000000005</v>
      </c>
      <c r="C16" s="5">
        <v>0.44500000000000001</v>
      </c>
      <c r="D16" s="5">
        <v>4.0000000000000001E-3</v>
      </c>
      <c r="E16" s="5">
        <v>1</v>
      </c>
    </row>
    <row r="17" spans="1:5">
      <c r="A17" s="54" t="s">
        <v>123</v>
      </c>
      <c r="B17" s="54"/>
      <c r="C17" s="54"/>
      <c r="D17" s="54"/>
      <c r="E17" s="54"/>
    </row>
    <row r="18" spans="1:5">
      <c r="A18" s="55"/>
      <c r="B18" s="55"/>
      <c r="C18" s="55"/>
      <c r="D18" s="55"/>
      <c r="E18" s="55"/>
    </row>
  </sheetData>
  <mergeCells count="9">
    <mergeCell ref="A15:A16"/>
    <mergeCell ref="A17:E18"/>
    <mergeCell ref="A9:A10"/>
    <mergeCell ref="A3:A4"/>
    <mergeCell ref="B3:E3"/>
    <mergeCell ref="A5:A6"/>
    <mergeCell ref="A7:A8"/>
    <mergeCell ref="A11:A12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71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24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25</v>
      </c>
      <c r="B5" s="4">
        <v>1187</v>
      </c>
      <c r="C5" s="4">
        <v>348</v>
      </c>
      <c r="D5" s="4">
        <v>95</v>
      </c>
      <c r="E5" s="4">
        <v>1630</v>
      </c>
    </row>
    <row r="6" spans="1:6">
      <c r="A6" s="77"/>
      <c r="B6" s="5">
        <v>0.72799999999999998</v>
      </c>
      <c r="C6" s="5">
        <v>0.21299999999999999</v>
      </c>
      <c r="D6" s="5">
        <v>5.8000000000000003E-2</v>
      </c>
      <c r="E6" s="5">
        <v>1</v>
      </c>
    </row>
    <row r="7" spans="1:6">
      <c r="A7" s="73" t="s">
        <v>226</v>
      </c>
      <c r="B7" s="6">
        <v>101</v>
      </c>
      <c r="C7" s="6">
        <v>38</v>
      </c>
      <c r="D7" s="6">
        <v>10</v>
      </c>
      <c r="E7" s="4">
        <v>149</v>
      </c>
    </row>
    <row r="8" spans="1:6">
      <c r="A8" s="74"/>
      <c r="B8" s="5">
        <v>0.67800000000000005</v>
      </c>
      <c r="C8" s="5">
        <v>0.255</v>
      </c>
      <c r="D8" s="5">
        <v>6.7000000000000004E-2</v>
      </c>
      <c r="E8" s="5">
        <v>1</v>
      </c>
    </row>
    <row r="9" spans="1:6">
      <c r="A9" s="73" t="s">
        <v>227</v>
      </c>
      <c r="B9" s="6">
        <v>122</v>
      </c>
      <c r="C9" s="6">
        <v>55</v>
      </c>
      <c r="D9" s="6">
        <v>13</v>
      </c>
      <c r="E9" s="6">
        <v>190</v>
      </c>
    </row>
    <row r="10" spans="1:6">
      <c r="A10" s="74"/>
      <c r="B10" s="5">
        <v>0.64200000000000002</v>
      </c>
      <c r="C10" s="5">
        <v>0.28899999999999998</v>
      </c>
      <c r="D10" s="5">
        <v>6.8000000000000005E-2</v>
      </c>
      <c r="E10" s="5">
        <v>1</v>
      </c>
    </row>
    <row r="11" spans="1:6">
      <c r="A11" s="73" t="s">
        <v>228</v>
      </c>
      <c r="B11" s="6">
        <v>29</v>
      </c>
      <c r="C11" s="6">
        <v>19</v>
      </c>
      <c r="D11" s="6">
        <v>6</v>
      </c>
      <c r="E11" s="6">
        <v>54</v>
      </c>
    </row>
    <row r="12" spans="1:6">
      <c r="A12" s="74"/>
      <c r="B12" s="5">
        <v>0.53700000000000003</v>
      </c>
      <c r="C12" s="5">
        <v>0.35199999999999998</v>
      </c>
      <c r="D12" s="5">
        <v>0.111</v>
      </c>
      <c r="E12" s="5">
        <v>1</v>
      </c>
    </row>
    <row r="13" spans="1:6" ht="14.25" customHeight="1">
      <c r="A13" s="56" t="s">
        <v>171</v>
      </c>
      <c r="B13" s="6">
        <v>5</v>
      </c>
      <c r="C13" s="6">
        <v>1</v>
      </c>
      <c r="D13" s="6">
        <v>1</v>
      </c>
      <c r="E13" s="6">
        <v>7</v>
      </c>
    </row>
    <row r="14" spans="1:6">
      <c r="A14" s="57"/>
      <c r="B14" s="5">
        <v>0.71399999999999997</v>
      </c>
      <c r="C14" s="5">
        <v>0.14299999999999999</v>
      </c>
      <c r="D14" s="5">
        <v>0.14299999999999999</v>
      </c>
      <c r="E14" s="5">
        <v>1</v>
      </c>
    </row>
    <row r="15" spans="1:6">
      <c r="A15" s="56" t="s">
        <v>29</v>
      </c>
      <c r="B15" s="4">
        <v>1444</v>
      </c>
      <c r="C15" s="4">
        <v>461</v>
      </c>
      <c r="D15" s="4">
        <v>125</v>
      </c>
      <c r="E15" s="4">
        <v>2030</v>
      </c>
    </row>
    <row r="16" spans="1:6">
      <c r="A16" s="57"/>
      <c r="B16" s="5">
        <v>0.71099999999999997</v>
      </c>
      <c r="C16" s="5">
        <v>0.22700000000000001</v>
      </c>
      <c r="D16" s="5">
        <v>6.2E-2</v>
      </c>
      <c r="E16" s="5">
        <v>1</v>
      </c>
    </row>
    <row r="17" spans="1:5">
      <c r="A17" s="54" t="s">
        <v>125</v>
      </c>
      <c r="B17" s="54"/>
      <c r="C17" s="54"/>
      <c r="D17" s="54"/>
      <c r="E17" s="54"/>
    </row>
    <row r="18" spans="1:5">
      <c r="A18" s="55"/>
      <c r="B18" s="55"/>
      <c r="C18" s="55"/>
      <c r="D18" s="55"/>
      <c r="E18" s="55"/>
    </row>
  </sheetData>
  <mergeCells count="9">
    <mergeCell ref="A15:A16"/>
    <mergeCell ref="A17:E18"/>
    <mergeCell ref="A11:A12"/>
    <mergeCell ref="A3:A4"/>
    <mergeCell ref="B3:E3"/>
    <mergeCell ref="A5:A6"/>
    <mergeCell ref="A7:A8"/>
    <mergeCell ref="A9:A10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72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24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73" t="s">
        <v>225</v>
      </c>
      <c r="B5" s="4">
        <v>449</v>
      </c>
      <c r="C5" s="4">
        <v>950</v>
      </c>
      <c r="D5" s="4">
        <v>828</v>
      </c>
      <c r="E5" s="4">
        <v>516</v>
      </c>
      <c r="F5" s="4">
        <v>82</v>
      </c>
      <c r="G5" s="4">
        <v>2825</v>
      </c>
    </row>
    <row r="6" spans="1:8">
      <c r="A6" s="77"/>
      <c r="B6" s="5">
        <v>0.159</v>
      </c>
      <c r="C6" s="5">
        <v>0.33600000000000002</v>
      </c>
      <c r="D6" s="5">
        <v>0.29299999999999998</v>
      </c>
      <c r="E6" s="5">
        <v>0.183</v>
      </c>
      <c r="F6" s="5">
        <v>2.9000000000000001E-2</v>
      </c>
      <c r="G6" s="5">
        <v>1</v>
      </c>
    </row>
    <row r="7" spans="1:8">
      <c r="A7" s="73" t="s">
        <v>226</v>
      </c>
      <c r="B7" s="6">
        <v>42</v>
      </c>
      <c r="C7" s="6">
        <v>87</v>
      </c>
      <c r="D7" s="6">
        <v>87</v>
      </c>
      <c r="E7" s="6">
        <v>44</v>
      </c>
      <c r="F7" s="6">
        <v>8</v>
      </c>
      <c r="G7" s="4">
        <v>268</v>
      </c>
    </row>
    <row r="8" spans="1:8">
      <c r="A8" s="74"/>
      <c r="B8" s="5">
        <v>0.157</v>
      </c>
      <c r="C8" s="5">
        <v>0.32500000000000001</v>
      </c>
      <c r="D8" s="5">
        <v>0.32500000000000001</v>
      </c>
      <c r="E8" s="5">
        <v>0.16400000000000001</v>
      </c>
      <c r="F8" s="5">
        <v>0.03</v>
      </c>
      <c r="G8" s="5">
        <v>1</v>
      </c>
    </row>
    <row r="9" spans="1:8">
      <c r="A9" s="73" t="s">
        <v>227</v>
      </c>
      <c r="B9" s="6">
        <v>80</v>
      </c>
      <c r="C9" s="6">
        <v>175</v>
      </c>
      <c r="D9" s="6">
        <v>122</v>
      </c>
      <c r="E9" s="6">
        <v>52</v>
      </c>
      <c r="F9" s="6">
        <v>24</v>
      </c>
      <c r="G9" s="6">
        <v>453</v>
      </c>
    </row>
    <row r="10" spans="1:8">
      <c r="A10" s="74"/>
      <c r="B10" s="5">
        <v>0.17699999999999999</v>
      </c>
      <c r="C10" s="5">
        <v>0.38600000000000001</v>
      </c>
      <c r="D10" s="5">
        <v>0.26900000000000002</v>
      </c>
      <c r="E10" s="5">
        <v>0.115</v>
      </c>
      <c r="F10" s="5">
        <v>5.2999999999999999E-2</v>
      </c>
      <c r="G10" s="5">
        <v>1</v>
      </c>
    </row>
    <row r="11" spans="1:8">
      <c r="A11" s="73" t="s">
        <v>228</v>
      </c>
      <c r="B11" s="6">
        <v>20</v>
      </c>
      <c r="C11" s="6">
        <v>43</v>
      </c>
      <c r="D11" s="6">
        <v>37</v>
      </c>
      <c r="E11" s="6">
        <v>15</v>
      </c>
      <c r="F11" s="6">
        <v>5</v>
      </c>
      <c r="G11" s="6">
        <v>120</v>
      </c>
    </row>
    <row r="12" spans="1:8">
      <c r="A12" s="74"/>
      <c r="B12" s="5">
        <v>0.16700000000000001</v>
      </c>
      <c r="C12" s="5">
        <v>0.35799999999999998</v>
      </c>
      <c r="D12" s="5">
        <v>0.308</v>
      </c>
      <c r="E12" s="5">
        <v>0.125</v>
      </c>
      <c r="F12" s="5">
        <v>4.2000000000000003E-2</v>
      </c>
      <c r="G12" s="5">
        <v>1</v>
      </c>
    </row>
    <row r="13" spans="1:8" ht="14.25" customHeight="1">
      <c r="A13" s="56" t="s">
        <v>171</v>
      </c>
      <c r="B13" s="6">
        <v>3</v>
      </c>
      <c r="C13" s="6">
        <v>4</v>
      </c>
      <c r="D13" s="6">
        <v>4</v>
      </c>
      <c r="E13" s="6">
        <v>4</v>
      </c>
      <c r="F13" s="6">
        <v>4</v>
      </c>
      <c r="G13" s="6">
        <v>19</v>
      </c>
    </row>
    <row r="14" spans="1:8">
      <c r="A14" s="57"/>
      <c r="B14" s="5">
        <v>0.158</v>
      </c>
      <c r="C14" s="5">
        <v>0.21099999999999999</v>
      </c>
      <c r="D14" s="5">
        <v>0.21099999999999999</v>
      </c>
      <c r="E14" s="5">
        <v>0.21099999999999999</v>
      </c>
      <c r="F14" s="5">
        <v>0.21099999999999999</v>
      </c>
      <c r="G14" s="5">
        <v>1</v>
      </c>
    </row>
    <row r="15" spans="1:8">
      <c r="A15" s="56" t="s">
        <v>29</v>
      </c>
      <c r="B15" s="4">
        <v>594</v>
      </c>
      <c r="C15" s="4">
        <v>1259</v>
      </c>
      <c r="D15" s="4">
        <v>1078</v>
      </c>
      <c r="E15" s="4">
        <v>631</v>
      </c>
      <c r="F15" s="4">
        <v>123</v>
      </c>
      <c r="G15" s="4">
        <v>3685</v>
      </c>
    </row>
    <row r="16" spans="1:8">
      <c r="A16" s="57"/>
      <c r="B16" s="5">
        <v>0.161</v>
      </c>
      <c r="C16" s="5">
        <v>0.34200000000000003</v>
      </c>
      <c r="D16" s="5">
        <v>0.29299999999999998</v>
      </c>
      <c r="E16" s="5">
        <v>0.17100000000000001</v>
      </c>
      <c r="F16" s="5">
        <v>3.3000000000000002E-2</v>
      </c>
      <c r="G16" s="5">
        <v>1</v>
      </c>
    </row>
    <row r="17" spans="1:7">
      <c r="A17" s="54" t="s">
        <v>127</v>
      </c>
      <c r="B17" s="54"/>
      <c r="C17" s="54"/>
      <c r="D17" s="54"/>
      <c r="E17" s="54"/>
      <c r="F17" s="54"/>
      <c r="G17" s="54"/>
    </row>
    <row r="18" spans="1:7">
      <c r="A18" s="55"/>
      <c r="B18" s="55"/>
      <c r="C18" s="55"/>
      <c r="D18" s="55"/>
      <c r="E18" s="55"/>
      <c r="F18" s="55"/>
      <c r="G18" s="55"/>
    </row>
  </sheetData>
  <mergeCells count="9">
    <mergeCell ref="A15:A16"/>
    <mergeCell ref="A17:G18"/>
    <mergeCell ref="A11:A12"/>
    <mergeCell ref="A3:A4"/>
    <mergeCell ref="B3:G3"/>
    <mergeCell ref="A5:A6"/>
    <mergeCell ref="A7:A8"/>
    <mergeCell ref="A9:A10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73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24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73" t="s">
        <v>225</v>
      </c>
      <c r="B5" s="4">
        <v>136</v>
      </c>
      <c r="C5" s="4">
        <v>2201</v>
      </c>
      <c r="D5" s="4">
        <v>484</v>
      </c>
      <c r="E5" s="4">
        <v>4</v>
      </c>
      <c r="F5" s="4">
        <v>2825</v>
      </c>
    </row>
    <row r="6" spans="1:7">
      <c r="A6" s="77"/>
      <c r="B6" s="5">
        <v>4.8000000000000001E-2</v>
      </c>
      <c r="C6" s="5">
        <v>0.77900000000000003</v>
      </c>
      <c r="D6" s="5">
        <v>0.17100000000000001</v>
      </c>
      <c r="E6" s="5">
        <v>1E-3</v>
      </c>
      <c r="F6" s="5">
        <v>1</v>
      </c>
    </row>
    <row r="7" spans="1:7">
      <c r="A7" s="73" t="s">
        <v>226</v>
      </c>
      <c r="B7" s="6">
        <v>15</v>
      </c>
      <c r="C7" s="6">
        <v>208</v>
      </c>
      <c r="D7" s="6">
        <v>45</v>
      </c>
      <c r="E7" s="6">
        <v>0</v>
      </c>
      <c r="F7" s="4">
        <v>268</v>
      </c>
    </row>
    <row r="8" spans="1:7">
      <c r="A8" s="74"/>
      <c r="B8" s="5">
        <v>5.6000000000000001E-2</v>
      </c>
      <c r="C8" s="5">
        <v>0.77600000000000002</v>
      </c>
      <c r="D8" s="5">
        <v>0.16800000000000001</v>
      </c>
      <c r="E8" s="5">
        <v>0</v>
      </c>
      <c r="F8" s="5">
        <v>1</v>
      </c>
    </row>
    <row r="9" spans="1:7">
      <c r="A9" s="73" t="s">
        <v>227</v>
      </c>
      <c r="B9" s="6">
        <v>21</v>
      </c>
      <c r="C9" s="6">
        <v>323</v>
      </c>
      <c r="D9" s="6">
        <v>109</v>
      </c>
      <c r="E9" s="6">
        <v>0</v>
      </c>
      <c r="F9" s="6">
        <v>453</v>
      </c>
    </row>
    <row r="10" spans="1:7">
      <c r="A10" s="74"/>
      <c r="B10" s="5">
        <v>4.5999999999999999E-2</v>
      </c>
      <c r="C10" s="5">
        <v>0.71299999999999997</v>
      </c>
      <c r="D10" s="5">
        <v>0.24099999999999999</v>
      </c>
      <c r="E10" s="5">
        <v>0</v>
      </c>
      <c r="F10" s="5">
        <v>1</v>
      </c>
    </row>
    <row r="11" spans="1:7">
      <c r="A11" s="73" t="s">
        <v>228</v>
      </c>
      <c r="B11" s="6">
        <v>13</v>
      </c>
      <c r="C11" s="6">
        <v>80</v>
      </c>
      <c r="D11" s="6">
        <v>27</v>
      </c>
      <c r="E11" s="6">
        <v>0</v>
      </c>
      <c r="F11" s="6">
        <v>120</v>
      </c>
    </row>
    <row r="12" spans="1:7">
      <c r="A12" s="74"/>
      <c r="B12" s="5">
        <v>0.108</v>
      </c>
      <c r="C12" s="5">
        <v>0.66700000000000004</v>
      </c>
      <c r="D12" s="5">
        <v>0.22500000000000001</v>
      </c>
      <c r="E12" s="5">
        <v>0</v>
      </c>
      <c r="F12" s="5">
        <v>1</v>
      </c>
    </row>
    <row r="13" spans="1:7" ht="14.25" customHeight="1">
      <c r="A13" s="56" t="s">
        <v>171</v>
      </c>
      <c r="B13" s="6">
        <v>1</v>
      </c>
      <c r="C13" s="6">
        <v>9</v>
      </c>
      <c r="D13" s="6">
        <v>7</v>
      </c>
      <c r="E13" s="6">
        <v>2</v>
      </c>
      <c r="F13" s="6">
        <v>19</v>
      </c>
    </row>
    <row r="14" spans="1:7">
      <c r="A14" s="57"/>
      <c r="B14" s="5">
        <v>5.2999999999999999E-2</v>
      </c>
      <c r="C14" s="5">
        <v>0.47399999999999998</v>
      </c>
      <c r="D14" s="5">
        <v>0.36799999999999999</v>
      </c>
      <c r="E14" s="5">
        <v>0.105</v>
      </c>
      <c r="F14" s="5">
        <v>1</v>
      </c>
    </row>
    <row r="15" spans="1:7">
      <c r="A15" s="56" t="s">
        <v>29</v>
      </c>
      <c r="B15" s="4">
        <v>186</v>
      </c>
      <c r="C15" s="4">
        <v>2821</v>
      </c>
      <c r="D15" s="4">
        <v>672</v>
      </c>
      <c r="E15" s="4">
        <v>6</v>
      </c>
      <c r="F15" s="4">
        <v>3685</v>
      </c>
    </row>
    <row r="16" spans="1:7">
      <c r="A16" s="57"/>
      <c r="B16" s="5">
        <v>0.05</v>
      </c>
      <c r="C16" s="5">
        <v>0.76600000000000001</v>
      </c>
      <c r="D16" s="5">
        <v>0.182</v>
      </c>
      <c r="E16" s="5">
        <v>2E-3</v>
      </c>
      <c r="F16" s="5">
        <v>1</v>
      </c>
    </row>
    <row r="17" spans="1:6">
      <c r="A17" s="54" t="s">
        <v>129</v>
      </c>
      <c r="B17" s="54"/>
      <c r="C17" s="54"/>
      <c r="D17" s="54"/>
      <c r="E17" s="54"/>
      <c r="F17" s="54"/>
    </row>
    <row r="18" spans="1:6">
      <c r="A18" s="55"/>
      <c r="B18" s="55"/>
      <c r="C18" s="55"/>
      <c r="D18" s="55"/>
      <c r="E18" s="55"/>
      <c r="F18" s="55"/>
    </row>
  </sheetData>
  <mergeCells count="9">
    <mergeCell ref="A15:A16"/>
    <mergeCell ref="A17:F18"/>
    <mergeCell ref="A11:A12"/>
    <mergeCell ref="A3:A4"/>
    <mergeCell ref="B3:F3"/>
    <mergeCell ref="A5:A6"/>
    <mergeCell ref="A7:A8"/>
    <mergeCell ref="A9:A10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74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24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73" t="s">
        <v>225</v>
      </c>
      <c r="B5" s="4">
        <v>89</v>
      </c>
      <c r="C5" s="4">
        <v>25</v>
      </c>
      <c r="D5" s="4">
        <v>8</v>
      </c>
      <c r="E5" s="4">
        <v>9</v>
      </c>
      <c r="F5" s="4">
        <v>5</v>
      </c>
      <c r="G5" s="4">
        <v>136</v>
      </c>
    </row>
    <row r="6" spans="1:8">
      <c r="A6" s="77"/>
      <c r="B6" s="5">
        <v>0.65400000000000003</v>
      </c>
      <c r="C6" s="5">
        <v>0.184</v>
      </c>
      <c r="D6" s="5">
        <v>5.8999999999999997E-2</v>
      </c>
      <c r="E6" s="5">
        <v>6.6000000000000003E-2</v>
      </c>
      <c r="F6" s="5">
        <v>3.6999999999999998E-2</v>
      </c>
      <c r="G6" s="5">
        <v>1</v>
      </c>
    </row>
    <row r="7" spans="1:8">
      <c r="A7" s="73" t="s">
        <v>226</v>
      </c>
      <c r="B7" s="6">
        <v>6</v>
      </c>
      <c r="C7" s="6">
        <v>7</v>
      </c>
      <c r="D7" s="6">
        <v>0</v>
      </c>
      <c r="E7" s="6">
        <v>1</v>
      </c>
      <c r="F7" s="6">
        <v>1</v>
      </c>
      <c r="G7" s="4">
        <v>15</v>
      </c>
    </row>
    <row r="8" spans="1:8">
      <c r="A8" s="74"/>
      <c r="B8" s="5">
        <v>0.4</v>
      </c>
      <c r="C8" s="5">
        <v>0.46700000000000003</v>
      </c>
      <c r="D8" s="5">
        <v>0</v>
      </c>
      <c r="E8" s="5">
        <v>6.7000000000000004E-2</v>
      </c>
      <c r="F8" s="5">
        <v>6.7000000000000004E-2</v>
      </c>
      <c r="G8" s="5">
        <v>1</v>
      </c>
    </row>
    <row r="9" spans="1:8">
      <c r="A9" s="73" t="s">
        <v>227</v>
      </c>
      <c r="B9" s="6">
        <v>15</v>
      </c>
      <c r="C9" s="6">
        <v>4</v>
      </c>
      <c r="D9" s="6">
        <v>1</v>
      </c>
      <c r="E9" s="6">
        <v>1</v>
      </c>
      <c r="F9" s="6">
        <v>0</v>
      </c>
      <c r="G9" s="6">
        <v>21</v>
      </c>
    </row>
    <row r="10" spans="1:8">
      <c r="A10" s="74"/>
      <c r="B10" s="5">
        <v>0.71399999999999997</v>
      </c>
      <c r="C10" s="5">
        <v>0.19</v>
      </c>
      <c r="D10" s="5">
        <v>4.8000000000000001E-2</v>
      </c>
      <c r="E10" s="5">
        <v>4.8000000000000001E-2</v>
      </c>
      <c r="F10" s="5">
        <v>0</v>
      </c>
      <c r="G10" s="5">
        <v>1</v>
      </c>
    </row>
    <row r="11" spans="1:8">
      <c r="A11" s="73" t="s">
        <v>228</v>
      </c>
      <c r="B11" s="6">
        <v>9</v>
      </c>
      <c r="C11" s="6">
        <v>1</v>
      </c>
      <c r="D11" s="6">
        <v>1</v>
      </c>
      <c r="E11" s="6">
        <v>1</v>
      </c>
      <c r="F11" s="6">
        <v>1</v>
      </c>
      <c r="G11" s="6">
        <v>13</v>
      </c>
    </row>
    <row r="12" spans="1:8">
      <c r="A12" s="74"/>
      <c r="B12" s="5">
        <v>0.69199999999999995</v>
      </c>
      <c r="C12" s="5">
        <v>7.6999999999999999E-2</v>
      </c>
      <c r="D12" s="5">
        <v>7.6999999999999999E-2</v>
      </c>
      <c r="E12" s="5">
        <v>7.6999999999999999E-2</v>
      </c>
      <c r="F12" s="5">
        <v>7.6999999999999999E-2</v>
      </c>
      <c r="G12" s="5">
        <v>1</v>
      </c>
    </row>
    <row r="13" spans="1:8" ht="14.25" customHeight="1">
      <c r="A13" s="56" t="s">
        <v>171</v>
      </c>
      <c r="B13" s="6">
        <v>1</v>
      </c>
      <c r="C13" s="6">
        <v>0</v>
      </c>
      <c r="D13" s="6">
        <v>0</v>
      </c>
      <c r="E13" s="6">
        <v>0</v>
      </c>
      <c r="F13" s="6">
        <v>0</v>
      </c>
      <c r="G13" s="6">
        <v>1</v>
      </c>
    </row>
    <row r="14" spans="1:8">
      <c r="A14" s="57"/>
      <c r="B14" s="5">
        <v>1</v>
      </c>
      <c r="C14" s="5">
        <v>0</v>
      </c>
      <c r="D14" s="5">
        <v>0</v>
      </c>
      <c r="E14" s="5">
        <v>0</v>
      </c>
      <c r="F14" s="5">
        <v>0</v>
      </c>
      <c r="G14" s="5">
        <v>1</v>
      </c>
    </row>
    <row r="15" spans="1:8">
      <c r="A15" s="56" t="s">
        <v>29</v>
      </c>
      <c r="B15" s="6">
        <v>120</v>
      </c>
      <c r="C15" s="6">
        <v>37</v>
      </c>
      <c r="D15" s="6">
        <v>10</v>
      </c>
      <c r="E15" s="6">
        <v>12</v>
      </c>
      <c r="F15" s="6">
        <v>7</v>
      </c>
      <c r="G15" s="6">
        <v>186</v>
      </c>
    </row>
    <row r="16" spans="1:8">
      <c r="A16" s="57"/>
      <c r="B16" s="5">
        <v>0.64500000000000002</v>
      </c>
      <c r="C16" s="5">
        <v>0.19900000000000001</v>
      </c>
      <c r="D16" s="5">
        <v>5.3999999999999999E-2</v>
      </c>
      <c r="E16" s="5">
        <v>6.5000000000000002E-2</v>
      </c>
      <c r="F16" s="5">
        <v>3.7999999999999999E-2</v>
      </c>
      <c r="G16" s="5">
        <v>1</v>
      </c>
    </row>
    <row r="17" spans="1:7">
      <c r="A17" s="54" t="s">
        <v>131</v>
      </c>
      <c r="B17" s="54"/>
      <c r="C17" s="54"/>
      <c r="D17" s="54"/>
      <c r="E17" s="54"/>
      <c r="F17" s="54"/>
      <c r="G17" s="54"/>
    </row>
    <row r="18" spans="1:7">
      <c r="A18" s="55"/>
      <c r="B18" s="55"/>
      <c r="C18" s="55"/>
      <c r="D18" s="55"/>
      <c r="E18" s="55"/>
      <c r="F18" s="55"/>
      <c r="G18" s="55"/>
    </row>
  </sheetData>
  <mergeCells count="9">
    <mergeCell ref="A15:A16"/>
    <mergeCell ref="A17:G18"/>
    <mergeCell ref="A11:A12"/>
    <mergeCell ref="A3:A4"/>
    <mergeCell ref="B3:G3"/>
    <mergeCell ref="A5:A6"/>
    <mergeCell ref="A7:A8"/>
    <mergeCell ref="A9:A10"/>
    <mergeCell ref="A13:A14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"/>
  <dimension ref="A1:G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7">
      <c r="A1" s="1" t="s">
        <v>512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60" t="s">
        <v>168</v>
      </c>
      <c r="B3" s="53" t="s">
        <v>97</v>
      </c>
      <c r="C3" s="53"/>
      <c r="D3" s="53"/>
      <c r="E3" s="53"/>
      <c r="F3" s="53"/>
      <c r="G3" s="2"/>
    </row>
    <row r="4" spans="1:7" ht="28.5">
      <c r="A4" s="60"/>
      <c r="B4" s="8" t="s">
        <v>139</v>
      </c>
      <c r="C4" s="8" t="s">
        <v>140</v>
      </c>
      <c r="D4" s="8" t="s">
        <v>141</v>
      </c>
      <c r="E4" s="8" t="s">
        <v>42</v>
      </c>
      <c r="F4" s="8" t="s">
        <v>29</v>
      </c>
    </row>
    <row r="5" spans="1:7">
      <c r="A5" s="56" t="s">
        <v>169</v>
      </c>
      <c r="B5" s="4">
        <v>837</v>
      </c>
      <c r="C5" s="4">
        <v>880</v>
      </c>
      <c r="D5" s="4">
        <v>120</v>
      </c>
      <c r="E5" s="4">
        <v>3</v>
      </c>
      <c r="F5" s="4">
        <v>1840</v>
      </c>
    </row>
    <row r="6" spans="1:7">
      <c r="A6" s="61"/>
      <c r="B6" s="5">
        <v>0.45500000000000002</v>
      </c>
      <c r="C6" s="5">
        <v>0.47799999999999998</v>
      </c>
      <c r="D6" s="5">
        <v>6.5000000000000002E-2</v>
      </c>
      <c r="E6" s="5">
        <v>2E-3</v>
      </c>
      <c r="F6" s="5">
        <v>1</v>
      </c>
    </row>
    <row r="7" spans="1:7">
      <c r="A7" s="56" t="s">
        <v>170</v>
      </c>
      <c r="B7" s="6">
        <v>833</v>
      </c>
      <c r="C7" s="6">
        <v>887</v>
      </c>
      <c r="D7" s="6">
        <v>119</v>
      </c>
      <c r="E7" s="6">
        <v>2</v>
      </c>
      <c r="F7" s="4">
        <v>1841</v>
      </c>
    </row>
    <row r="8" spans="1:7">
      <c r="A8" s="57"/>
      <c r="B8" s="5">
        <v>0.45200000000000001</v>
      </c>
      <c r="C8" s="5">
        <v>0.48199999999999998</v>
      </c>
      <c r="D8" s="5">
        <v>6.5000000000000002E-2</v>
      </c>
      <c r="E8" s="5">
        <v>1E-3</v>
      </c>
      <c r="F8" s="5">
        <v>1</v>
      </c>
    </row>
    <row r="9" spans="1:7">
      <c r="A9" s="56" t="s">
        <v>171</v>
      </c>
      <c r="B9" s="6">
        <v>3</v>
      </c>
      <c r="C9" s="6">
        <v>1</v>
      </c>
      <c r="D9" s="6">
        <v>0</v>
      </c>
      <c r="E9" s="6">
        <v>0</v>
      </c>
      <c r="F9" s="6">
        <v>4</v>
      </c>
    </row>
    <row r="10" spans="1:7">
      <c r="A10" s="57"/>
      <c r="B10" s="5">
        <v>0.75</v>
      </c>
      <c r="C10" s="5">
        <v>0.25</v>
      </c>
      <c r="D10" s="5">
        <v>0</v>
      </c>
      <c r="E10" s="5">
        <v>0</v>
      </c>
      <c r="F10" s="5">
        <v>1</v>
      </c>
    </row>
    <row r="11" spans="1:7" ht="14.25" customHeight="1">
      <c r="A11" s="73" t="s">
        <v>29</v>
      </c>
      <c r="B11" s="4">
        <v>1673</v>
      </c>
      <c r="C11" s="4">
        <v>1768</v>
      </c>
      <c r="D11" s="4">
        <v>239</v>
      </c>
      <c r="E11" s="4">
        <v>5</v>
      </c>
      <c r="F11" s="4">
        <v>3685</v>
      </c>
    </row>
    <row r="12" spans="1:7">
      <c r="A12" s="74"/>
      <c r="B12" s="5">
        <v>0.45400000000000001</v>
      </c>
      <c r="C12" s="5">
        <v>0.48</v>
      </c>
      <c r="D12" s="5">
        <v>6.5000000000000002E-2</v>
      </c>
      <c r="E12" s="5">
        <v>1E-3</v>
      </c>
      <c r="F12" s="5">
        <v>1</v>
      </c>
    </row>
    <row r="13" spans="1:7">
      <c r="A13" s="54" t="s">
        <v>98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75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29</v>
      </c>
      <c r="B3" s="53" t="s">
        <v>120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21</v>
      </c>
      <c r="B5" s="4">
        <v>1843</v>
      </c>
      <c r="C5" s="4">
        <v>214</v>
      </c>
      <c r="D5" s="4">
        <v>0</v>
      </c>
      <c r="E5" s="4">
        <v>2057</v>
      </c>
    </row>
    <row r="6" spans="1:6">
      <c r="A6" s="77"/>
      <c r="B6" s="5">
        <v>0.89600000000000002</v>
      </c>
      <c r="C6" s="5">
        <v>0.104</v>
      </c>
      <c r="D6" s="5">
        <v>0</v>
      </c>
      <c r="E6" s="5">
        <v>1</v>
      </c>
    </row>
    <row r="7" spans="1:6">
      <c r="A7" s="73" t="s">
        <v>223</v>
      </c>
      <c r="B7" s="4">
        <v>405</v>
      </c>
      <c r="C7" s="4">
        <v>1073</v>
      </c>
      <c r="D7" s="4">
        <v>5</v>
      </c>
      <c r="E7" s="4">
        <v>1483</v>
      </c>
    </row>
    <row r="8" spans="1:6">
      <c r="A8" s="74"/>
      <c r="B8" s="5">
        <v>0.27300000000000002</v>
      </c>
      <c r="C8" s="5">
        <v>0.72399999999999998</v>
      </c>
      <c r="D8" s="5">
        <v>3.0000000000000001E-3</v>
      </c>
      <c r="E8" s="5">
        <v>1</v>
      </c>
    </row>
    <row r="9" spans="1:6">
      <c r="A9" s="73" t="s">
        <v>159</v>
      </c>
      <c r="B9" s="6">
        <v>57</v>
      </c>
      <c r="C9" s="6">
        <v>63</v>
      </c>
      <c r="D9" s="6">
        <v>2</v>
      </c>
      <c r="E9" s="6">
        <v>122</v>
      </c>
    </row>
    <row r="10" spans="1:6">
      <c r="A10" s="74"/>
      <c r="B10" s="5">
        <v>0.46700000000000003</v>
      </c>
      <c r="C10" s="5">
        <v>0.51600000000000001</v>
      </c>
      <c r="D10" s="5">
        <v>1.6E-2</v>
      </c>
      <c r="E10" s="5">
        <v>1</v>
      </c>
    </row>
    <row r="11" spans="1:6" ht="14.25" customHeight="1">
      <c r="A11" s="56" t="s">
        <v>171</v>
      </c>
      <c r="B11" s="6">
        <v>11</v>
      </c>
      <c r="C11" s="6">
        <v>9</v>
      </c>
      <c r="D11" s="6">
        <v>3</v>
      </c>
      <c r="E11" s="6">
        <v>23</v>
      </c>
    </row>
    <row r="12" spans="1:6">
      <c r="A12" s="57"/>
      <c r="B12" s="5">
        <v>0.47799999999999998</v>
      </c>
      <c r="C12" s="5">
        <v>0.39100000000000001</v>
      </c>
      <c r="D12" s="5">
        <v>0.13</v>
      </c>
      <c r="E12" s="5">
        <v>1</v>
      </c>
    </row>
    <row r="13" spans="1:6">
      <c r="A13" s="56" t="s">
        <v>29</v>
      </c>
      <c r="B13" s="4">
        <v>2316</v>
      </c>
      <c r="C13" s="4">
        <v>1359</v>
      </c>
      <c r="D13" s="4">
        <v>10</v>
      </c>
      <c r="E13" s="4">
        <v>3685</v>
      </c>
    </row>
    <row r="14" spans="1:6">
      <c r="A14" s="57"/>
      <c r="B14" s="5">
        <v>0.628</v>
      </c>
      <c r="C14" s="5">
        <v>0.36899999999999999</v>
      </c>
      <c r="D14" s="5">
        <v>3.0000000000000001E-3</v>
      </c>
      <c r="E14" s="5">
        <v>1</v>
      </c>
    </row>
    <row r="15" spans="1:6">
      <c r="A15" s="54" t="s">
        <v>121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776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60" customHeight="1">
      <c r="A3" s="78" t="s">
        <v>229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73" t="s">
        <v>153</v>
      </c>
      <c r="B5" s="4">
        <v>93</v>
      </c>
      <c r="C5" s="4">
        <v>1750</v>
      </c>
      <c r="D5" s="4">
        <v>1550</v>
      </c>
      <c r="E5" s="4">
        <v>293</v>
      </c>
      <c r="F5" s="4">
        <v>694</v>
      </c>
      <c r="G5" s="4">
        <v>1149</v>
      </c>
    </row>
    <row r="6" spans="1:7">
      <c r="A6" s="77"/>
      <c r="B6" s="5">
        <v>0.05</v>
      </c>
      <c r="C6" s="5">
        <v>0.95</v>
      </c>
      <c r="D6" s="5">
        <v>0.84099999999999997</v>
      </c>
      <c r="E6" s="5">
        <v>0.159</v>
      </c>
      <c r="F6" s="5">
        <v>0.377</v>
      </c>
      <c r="G6" s="5">
        <v>0.623</v>
      </c>
    </row>
    <row r="7" spans="1:7">
      <c r="A7" s="73" t="s">
        <v>155</v>
      </c>
      <c r="B7" s="6">
        <v>75</v>
      </c>
      <c r="C7" s="6">
        <v>330</v>
      </c>
      <c r="D7" s="6">
        <v>266</v>
      </c>
      <c r="E7" s="6">
        <v>139</v>
      </c>
      <c r="F7" s="6">
        <v>55</v>
      </c>
      <c r="G7" s="6">
        <v>350</v>
      </c>
    </row>
    <row r="8" spans="1:7">
      <c r="A8" s="74"/>
      <c r="B8" s="5">
        <v>0.185</v>
      </c>
      <c r="C8" s="5">
        <v>0.81499999999999995</v>
      </c>
      <c r="D8" s="5">
        <v>0.65700000000000003</v>
      </c>
      <c r="E8" s="5">
        <v>0.34300000000000003</v>
      </c>
      <c r="F8" s="5">
        <v>0.13600000000000001</v>
      </c>
      <c r="G8" s="5">
        <v>0.86399999999999999</v>
      </c>
    </row>
    <row r="9" spans="1:7">
      <c r="A9" s="73" t="s">
        <v>49</v>
      </c>
      <c r="B9" s="6">
        <v>14</v>
      </c>
      <c r="C9" s="6">
        <v>43</v>
      </c>
      <c r="D9" s="6">
        <v>33</v>
      </c>
      <c r="E9" s="6">
        <v>24</v>
      </c>
      <c r="F9" s="6">
        <v>6</v>
      </c>
      <c r="G9" s="6">
        <v>51</v>
      </c>
    </row>
    <row r="10" spans="1:7">
      <c r="A10" s="74"/>
      <c r="B10" s="5">
        <v>0.246</v>
      </c>
      <c r="C10" s="5">
        <v>0.754</v>
      </c>
      <c r="D10" s="5">
        <v>0.57899999999999996</v>
      </c>
      <c r="E10" s="5">
        <v>0.42099999999999999</v>
      </c>
      <c r="F10" s="5">
        <v>0.105</v>
      </c>
      <c r="G10" s="5">
        <v>0.89500000000000002</v>
      </c>
    </row>
    <row r="11" spans="1:7">
      <c r="A11" s="73" t="s">
        <v>171</v>
      </c>
      <c r="B11" s="6">
        <v>1</v>
      </c>
      <c r="C11" s="6">
        <v>10</v>
      </c>
      <c r="D11" s="6">
        <v>6</v>
      </c>
      <c r="E11" s="6">
        <v>5</v>
      </c>
      <c r="F11" s="6">
        <v>2</v>
      </c>
      <c r="G11" s="6">
        <v>9</v>
      </c>
    </row>
    <row r="12" spans="1:7">
      <c r="A12" s="74"/>
      <c r="B12" s="5">
        <v>9.0999999999999998E-2</v>
      </c>
      <c r="C12" s="5">
        <v>0.90900000000000003</v>
      </c>
      <c r="D12" s="5">
        <v>0.54500000000000004</v>
      </c>
      <c r="E12" s="5">
        <v>0.45500000000000002</v>
      </c>
      <c r="F12" s="5">
        <v>0.182</v>
      </c>
      <c r="G12" s="5">
        <v>0.81799999999999995</v>
      </c>
    </row>
    <row r="13" spans="1:7">
      <c r="A13" s="73" t="s">
        <v>29</v>
      </c>
      <c r="B13" s="4">
        <v>183</v>
      </c>
      <c r="C13" s="4">
        <v>2133</v>
      </c>
      <c r="D13" s="4">
        <v>1855</v>
      </c>
      <c r="E13" s="4">
        <v>461</v>
      </c>
      <c r="F13" s="4">
        <v>757</v>
      </c>
      <c r="G13" s="4">
        <v>1559</v>
      </c>
    </row>
    <row r="14" spans="1:7">
      <c r="A14" s="74"/>
      <c r="B14" s="5">
        <v>7.9000000000000001E-2</v>
      </c>
      <c r="C14" s="5">
        <v>0.92100000000000004</v>
      </c>
      <c r="D14" s="5">
        <v>0.80100000000000005</v>
      </c>
      <c r="E14" s="5">
        <v>0.19900000000000001</v>
      </c>
      <c r="F14" s="5">
        <v>0.32700000000000001</v>
      </c>
      <c r="G14" s="5">
        <v>0.67300000000000004</v>
      </c>
    </row>
    <row r="16" spans="1:7" ht="30.75" customHeight="1">
      <c r="A16" s="78" t="s">
        <v>229</v>
      </c>
      <c r="B16" s="62" t="s">
        <v>243</v>
      </c>
      <c r="C16" s="63"/>
      <c r="D16" s="62" t="s">
        <v>244</v>
      </c>
      <c r="E16" s="63"/>
      <c r="F16" s="62" t="s">
        <v>245</v>
      </c>
      <c r="G16" s="64"/>
    </row>
    <row r="17" spans="1:7">
      <c r="A17" s="78"/>
      <c r="B17" s="8" t="s">
        <v>190</v>
      </c>
      <c r="C17" s="8" t="s">
        <v>191</v>
      </c>
      <c r="D17" s="8" t="s">
        <v>190</v>
      </c>
      <c r="E17" s="8" t="s">
        <v>191</v>
      </c>
      <c r="F17" s="8" t="s">
        <v>190</v>
      </c>
      <c r="G17" s="8" t="s">
        <v>191</v>
      </c>
    </row>
    <row r="18" spans="1:7">
      <c r="A18" s="73" t="s">
        <v>153</v>
      </c>
      <c r="B18" s="4">
        <v>1516</v>
      </c>
      <c r="C18" s="4">
        <v>327</v>
      </c>
      <c r="D18" s="4">
        <v>63</v>
      </c>
      <c r="E18" s="4">
        <v>1780</v>
      </c>
      <c r="F18" s="4">
        <v>81</v>
      </c>
      <c r="G18" s="4">
        <v>1762</v>
      </c>
    </row>
    <row r="19" spans="1:7">
      <c r="A19" s="77"/>
      <c r="B19" s="5">
        <v>0.82299999999999995</v>
      </c>
      <c r="C19" s="5">
        <v>0.17699999999999999</v>
      </c>
      <c r="D19" s="5">
        <v>3.4000000000000002E-2</v>
      </c>
      <c r="E19" s="5">
        <v>0.96599999999999997</v>
      </c>
      <c r="F19" s="5">
        <v>4.3999999999999997E-2</v>
      </c>
      <c r="G19" s="5">
        <v>0.95599999999999996</v>
      </c>
    </row>
    <row r="20" spans="1:7">
      <c r="A20" s="73" t="s">
        <v>155</v>
      </c>
      <c r="B20" s="6">
        <v>5</v>
      </c>
      <c r="C20" s="6">
        <v>400</v>
      </c>
      <c r="D20" s="4">
        <v>2</v>
      </c>
      <c r="E20" s="6">
        <v>403</v>
      </c>
      <c r="F20" s="6">
        <v>10</v>
      </c>
      <c r="G20" s="6">
        <v>395</v>
      </c>
    </row>
    <row r="21" spans="1:7">
      <c r="A21" s="74"/>
      <c r="B21" s="5">
        <v>1.2E-2</v>
      </c>
      <c r="C21" s="5">
        <v>0.98799999999999999</v>
      </c>
      <c r="D21" s="5">
        <v>5.0000000000000001E-3</v>
      </c>
      <c r="E21" s="5">
        <v>0.995</v>
      </c>
      <c r="F21" s="5">
        <v>2.5000000000000001E-2</v>
      </c>
      <c r="G21" s="5">
        <v>0.97499999999999998</v>
      </c>
    </row>
    <row r="22" spans="1:7">
      <c r="A22" s="73" t="s">
        <v>49</v>
      </c>
      <c r="B22" s="6">
        <v>1</v>
      </c>
      <c r="C22" s="6">
        <v>56</v>
      </c>
      <c r="D22" s="6">
        <v>0</v>
      </c>
      <c r="E22" s="6">
        <v>57</v>
      </c>
      <c r="F22" s="6">
        <v>2</v>
      </c>
      <c r="G22" s="6">
        <v>55</v>
      </c>
    </row>
    <row r="23" spans="1:7">
      <c r="A23" s="74"/>
      <c r="B23" s="5">
        <v>1.7999999999999999E-2</v>
      </c>
      <c r="C23" s="5">
        <v>0.98199999999999998</v>
      </c>
      <c r="D23" s="5">
        <v>0</v>
      </c>
      <c r="E23" s="5">
        <v>1</v>
      </c>
      <c r="F23" s="5">
        <v>3.5000000000000003E-2</v>
      </c>
      <c r="G23" s="5">
        <v>0.96499999999999997</v>
      </c>
    </row>
    <row r="24" spans="1:7">
      <c r="A24" s="56" t="s">
        <v>171</v>
      </c>
      <c r="B24" s="6">
        <v>6</v>
      </c>
      <c r="C24" s="6">
        <v>5</v>
      </c>
      <c r="D24" s="6">
        <v>0</v>
      </c>
      <c r="E24" s="6">
        <v>11</v>
      </c>
      <c r="F24" s="6">
        <v>0</v>
      </c>
      <c r="G24" s="6">
        <v>11</v>
      </c>
    </row>
    <row r="25" spans="1:7">
      <c r="A25" s="57"/>
      <c r="B25" s="5">
        <v>0.54500000000000004</v>
      </c>
      <c r="C25" s="5">
        <v>0.45500000000000002</v>
      </c>
      <c r="D25" s="5">
        <v>0</v>
      </c>
      <c r="E25" s="5">
        <v>1</v>
      </c>
      <c r="F25" s="5">
        <v>0</v>
      </c>
      <c r="G25" s="5">
        <v>1</v>
      </c>
    </row>
    <row r="26" spans="1:7">
      <c r="A26" s="56" t="s">
        <v>29</v>
      </c>
      <c r="B26" s="4">
        <v>1528</v>
      </c>
      <c r="C26" s="4">
        <v>788</v>
      </c>
      <c r="D26" s="4">
        <v>65</v>
      </c>
      <c r="E26" s="4">
        <v>2251</v>
      </c>
      <c r="F26" s="4">
        <v>93</v>
      </c>
      <c r="G26" s="4">
        <v>2223</v>
      </c>
    </row>
    <row r="27" spans="1:7">
      <c r="A27" s="57"/>
      <c r="B27" s="5">
        <v>0.66</v>
      </c>
      <c r="C27" s="5">
        <v>0.34</v>
      </c>
      <c r="D27" s="5">
        <v>2.8000000000000001E-2</v>
      </c>
      <c r="E27" s="5">
        <v>0.97199999999999998</v>
      </c>
      <c r="F27" s="5">
        <v>0.04</v>
      </c>
      <c r="G27" s="5">
        <v>0.96</v>
      </c>
    </row>
    <row r="29" spans="1:7" ht="46.5" customHeight="1">
      <c r="A29" s="78" t="s">
        <v>229</v>
      </c>
      <c r="B29" s="62" t="s">
        <v>246</v>
      </c>
      <c r="C29" s="64"/>
      <c r="D29" s="62" t="s">
        <v>247</v>
      </c>
      <c r="E29" s="64"/>
      <c r="F29" s="62" t="s">
        <v>248</v>
      </c>
      <c r="G29" s="64"/>
    </row>
    <row r="30" spans="1:7">
      <c r="A30" s="78"/>
      <c r="B30" s="8" t="s">
        <v>190</v>
      </c>
      <c r="C30" s="8" t="s">
        <v>191</v>
      </c>
      <c r="D30" s="8" t="s">
        <v>190</v>
      </c>
      <c r="E30" s="8" t="s">
        <v>191</v>
      </c>
      <c r="F30" s="8" t="s">
        <v>190</v>
      </c>
      <c r="G30" s="8" t="s">
        <v>191</v>
      </c>
    </row>
    <row r="31" spans="1:7">
      <c r="A31" s="73" t="s">
        <v>153</v>
      </c>
      <c r="B31" s="4">
        <v>79</v>
      </c>
      <c r="C31" s="4">
        <v>1764</v>
      </c>
      <c r="D31" s="4">
        <v>6</v>
      </c>
      <c r="E31" s="4">
        <v>1837</v>
      </c>
      <c r="F31" s="4">
        <v>29</v>
      </c>
      <c r="G31" s="4">
        <v>1814</v>
      </c>
    </row>
    <row r="32" spans="1:7">
      <c r="A32" s="77"/>
      <c r="B32" s="5">
        <v>4.2999999999999997E-2</v>
      </c>
      <c r="C32" s="5">
        <v>0.95699999999999996</v>
      </c>
      <c r="D32" s="5">
        <v>3.0000000000000001E-3</v>
      </c>
      <c r="E32" s="5">
        <v>0.997</v>
      </c>
      <c r="F32" s="5">
        <v>1.6E-2</v>
      </c>
      <c r="G32" s="5">
        <v>0.98399999999999999</v>
      </c>
    </row>
    <row r="33" spans="1:7">
      <c r="A33" s="73" t="s">
        <v>155</v>
      </c>
      <c r="B33" s="6">
        <v>29</v>
      </c>
      <c r="C33" s="6">
        <v>376</v>
      </c>
      <c r="D33" s="6">
        <v>0</v>
      </c>
      <c r="E33" s="6">
        <v>405</v>
      </c>
      <c r="F33" s="6">
        <v>12</v>
      </c>
      <c r="G33" s="6">
        <v>393</v>
      </c>
    </row>
    <row r="34" spans="1:7">
      <c r="A34" s="74"/>
      <c r="B34" s="5">
        <v>7.1999999999999995E-2</v>
      </c>
      <c r="C34" s="5">
        <v>0.92800000000000005</v>
      </c>
      <c r="D34" s="5">
        <v>0</v>
      </c>
      <c r="E34" s="5">
        <v>1</v>
      </c>
      <c r="F34" s="5">
        <v>0.03</v>
      </c>
      <c r="G34" s="5">
        <v>0.97</v>
      </c>
    </row>
    <row r="35" spans="1:7">
      <c r="A35" s="73" t="s">
        <v>49</v>
      </c>
      <c r="B35" s="6">
        <v>6</v>
      </c>
      <c r="C35" s="6">
        <v>51</v>
      </c>
      <c r="D35" s="6">
        <v>0</v>
      </c>
      <c r="E35" s="6">
        <v>57</v>
      </c>
      <c r="F35" s="6">
        <v>3</v>
      </c>
      <c r="G35" s="6">
        <v>54</v>
      </c>
    </row>
    <row r="36" spans="1:7">
      <c r="A36" s="74"/>
      <c r="B36" s="5">
        <v>0.105</v>
      </c>
      <c r="C36" s="5">
        <v>0.89500000000000002</v>
      </c>
      <c r="D36" s="5">
        <v>0</v>
      </c>
      <c r="E36" s="5">
        <v>1</v>
      </c>
      <c r="F36" s="5">
        <v>5.2999999999999999E-2</v>
      </c>
      <c r="G36" s="5">
        <v>0.94699999999999995</v>
      </c>
    </row>
    <row r="37" spans="1:7">
      <c r="A37" s="56" t="s">
        <v>171</v>
      </c>
      <c r="B37" s="6">
        <v>0</v>
      </c>
      <c r="C37" s="6">
        <v>11</v>
      </c>
      <c r="D37" s="6">
        <v>0</v>
      </c>
      <c r="E37" s="6">
        <v>11</v>
      </c>
      <c r="F37" s="6">
        <v>0</v>
      </c>
      <c r="G37" s="6">
        <v>11</v>
      </c>
    </row>
    <row r="38" spans="1:7">
      <c r="A38" s="57"/>
      <c r="B38" s="5">
        <v>0</v>
      </c>
      <c r="C38" s="5">
        <v>1</v>
      </c>
      <c r="D38" s="5">
        <v>0</v>
      </c>
      <c r="E38" s="5">
        <v>1</v>
      </c>
      <c r="F38" s="5">
        <v>0</v>
      </c>
      <c r="G38" s="5">
        <v>1</v>
      </c>
    </row>
    <row r="39" spans="1:7">
      <c r="A39" s="56" t="s">
        <v>29</v>
      </c>
      <c r="B39" s="4">
        <v>114</v>
      </c>
      <c r="C39" s="4">
        <v>2202</v>
      </c>
      <c r="D39" s="4">
        <v>6</v>
      </c>
      <c r="E39" s="4">
        <v>2310</v>
      </c>
      <c r="F39" s="4">
        <v>44</v>
      </c>
      <c r="G39" s="4">
        <v>2272</v>
      </c>
    </row>
    <row r="40" spans="1:7">
      <c r="A40" s="57"/>
      <c r="B40" s="5">
        <v>4.9000000000000002E-2</v>
      </c>
      <c r="C40" s="5">
        <v>0.95099999999999996</v>
      </c>
      <c r="D40" s="5">
        <v>3.0000000000000001E-3</v>
      </c>
      <c r="E40" s="5">
        <v>0.997</v>
      </c>
      <c r="F40" s="5">
        <v>1.9E-2</v>
      </c>
      <c r="G40" s="5">
        <v>0.98099999999999998</v>
      </c>
    </row>
    <row r="41" spans="1:7">
      <c r="A41" s="55" t="s">
        <v>631</v>
      </c>
      <c r="B41" s="55"/>
      <c r="C41" s="55"/>
      <c r="D41" s="55"/>
      <c r="E41" s="55"/>
      <c r="F41" s="55"/>
      <c r="G41" s="55"/>
    </row>
    <row r="42" spans="1:7">
      <c r="A42" s="55"/>
      <c r="B42" s="55"/>
      <c r="C42" s="55"/>
      <c r="D42" s="55"/>
      <c r="E42" s="55"/>
      <c r="F42" s="55"/>
      <c r="G42" s="55"/>
    </row>
  </sheetData>
  <mergeCells count="28">
    <mergeCell ref="F16:G16"/>
    <mergeCell ref="D16:E16"/>
    <mergeCell ref="A3:A4"/>
    <mergeCell ref="B3:C3"/>
    <mergeCell ref="D3:E3"/>
    <mergeCell ref="F3:G3"/>
    <mergeCell ref="B16:C16"/>
    <mergeCell ref="A18:A19"/>
    <mergeCell ref="A5:A6"/>
    <mergeCell ref="A7:A8"/>
    <mergeCell ref="A9:A10"/>
    <mergeCell ref="A11:A12"/>
    <mergeCell ref="A13:A14"/>
    <mergeCell ref="A16:A17"/>
    <mergeCell ref="A29:A30"/>
    <mergeCell ref="B29:C29"/>
    <mergeCell ref="D29:E29"/>
    <mergeCell ref="F29:G29"/>
    <mergeCell ref="A20:A21"/>
    <mergeCell ref="A22:A23"/>
    <mergeCell ref="A24:A25"/>
    <mergeCell ref="A26:A27"/>
    <mergeCell ref="A41:G42"/>
    <mergeCell ref="A31:A32"/>
    <mergeCell ref="A33:A34"/>
    <mergeCell ref="A35:A36"/>
    <mergeCell ref="A37:A38"/>
    <mergeCell ref="A39:A40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77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29</v>
      </c>
      <c r="B3" s="53" t="s">
        <v>122</v>
      </c>
      <c r="C3" s="53"/>
      <c r="D3" s="53"/>
      <c r="E3" s="53"/>
      <c r="F3" s="2"/>
    </row>
    <row r="4" spans="1:6" ht="28.5">
      <c r="A4" s="78"/>
      <c r="B4" s="8" t="s">
        <v>160</v>
      </c>
      <c r="C4" s="8" t="s">
        <v>161</v>
      </c>
      <c r="D4" s="3" t="s">
        <v>27</v>
      </c>
      <c r="E4" s="3" t="s">
        <v>28</v>
      </c>
    </row>
    <row r="5" spans="1:6">
      <c r="A5" s="73" t="s">
        <v>153</v>
      </c>
      <c r="B5" s="4">
        <v>1654</v>
      </c>
      <c r="C5" s="4">
        <v>396</v>
      </c>
      <c r="D5" s="4">
        <v>7</v>
      </c>
      <c r="E5" s="4">
        <v>2057</v>
      </c>
    </row>
    <row r="6" spans="1:6">
      <c r="A6" s="77"/>
      <c r="B6" s="5">
        <v>0.80400000000000005</v>
      </c>
      <c r="C6" s="5">
        <v>0.193</v>
      </c>
      <c r="D6" s="5">
        <v>3.0000000000000001E-3</v>
      </c>
      <c r="E6" s="5">
        <v>1</v>
      </c>
    </row>
    <row r="7" spans="1:6">
      <c r="A7" s="73" t="s">
        <v>155</v>
      </c>
      <c r="B7" s="4">
        <v>326</v>
      </c>
      <c r="C7" s="4">
        <v>1152</v>
      </c>
      <c r="D7" s="4">
        <v>5</v>
      </c>
      <c r="E7" s="4">
        <v>1483</v>
      </c>
    </row>
    <row r="8" spans="1:6">
      <c r="A8" s="74"/>
      <c r="B8" s="5">
        <v>0.22</v>
      </c>
      <c r="C8" s="5">
        <v>0.77700000000000002</v>
      </c>
      <c r="D8" s="5">
        <v>3.0000000000000001E-3</v>
      </c>
      <c r="E8" s="5">
        <v>1</v>
      </c>
    </row>
    <row r="9" spans="1:6">
      <c r="A9" s="73" t="s">
        <v>49</v>
      </c>
      <c r="B9" s="6">
        <v>41</v>
      </c>
      <c r="C9" s="6">
        <v>81</v>
      </c>
      <c r="D9" s="6">
        <v>0</v>
      </c>
      <c r="E9" s="6">
        <v>122</v>
      </c>
    </row>
    <row r="10" spans="1:6">
      <c r="A10" s="74"/>
      <c r="B10" s="5">
        <v>0.33600000000000002</v>
      </c>
      <c r="C10" s="5">
        <v>0.66400000000000003</v>
      </c>
      <c r="D10" s="5">
        <v>0</v>
      </c>
      <c r="E10" s="5">
        <v>1</v>
      </c>
    </row>
    <row r="11" spans="1:6" ht="14.25" customHeight="1">
      <c r="A11" s="56" t="s">
        <v>171</v>
      </c>
      <c r="B11" s="6">
        <v>9</v>
      </c>
      <c r="C11" s="6">
        <v>11</v>
      </c>
      <c r="D11" s="6">
        <v>3</v>
      </c>
      <c r="E11" s="6">
        <v>23</v>
      </c>
    </row>
    <row r="12" spans="1:6">
      <c r="A12" s="57"/>
      <c r="B12" s="5">
        <v>0.39100000000000001</v>
      </c>
      <c r="C12" s="5">
        <v>0.47799999999999998</v>
      </c>
      <c r="D12" s="5">
        <v>0.13</v>
      </c>
      <c r="E12" s="5">
        <v>1</v>
      </c>
    </row>
    <row r="13" spans="1:6">
      <c r="A13" s="56" t="s">
        <v>29</v>
      </c>
      <c r="B13" s="4">
        <v>2030</v>
      </c>
      <c r="C13" s="4">
        <v>1640</v>
      </c>
      <c r="D13" s="4">
        <v>15</v>
      </c>
      <c r="E13" s="4">
        <v>3685</v>
      </c>
    </row>
    <row r="14" spans="1:6">
      <c r="A14" s="57"/>
      <c r="B14" s="5">
        <v>0.55100000000000005</v>
      </c>
      <c r="C14" s="5">
        <v>0.44500000000000001</v>
      </c>
      <c r="D14" s="5">
        <v>4.0000000000000001E-3</v>
      </c>
      <c r="E14" s="5">
        <v>1</v>
      </c>
    </row>
    <row r="15" spans="1:6">
      <c r="A15" s="54" t="s">
        <v>123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78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29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21</v>
      </c>
      <c r="B5" s="4">
        <v>1280</v>
      </c>
      <c r="C5" s="4">
        <v>284</v>
      </c>
      <c r="D5" s="4">
        <v>90</v>
      </c>
      <c r="E5" s="4">
        <v>1654</v>
      </c>
    </row>
    <row r="6" spans="1:6">
      <c r="A6" s="77"/>
      <c r="B6" s="5">
        <v>0.77400000000000002</v>
      </c>
      <c r="C6" s="5">
        <v>0.17199999999999999</v>
      </c>
      <c r="D6" s="5">
        <v>5.3999999999999999E-2</v>
      </c>
      <c r="E6" s="5">
        <v>1</v>
      </c>
    </row>
    <row r="7" spans="1:6">
      <c r="A7" s="73" t="s">
        <v>223</v>
      </c>
      <c r="B7" s="6">
        <v>141</v>
      </c>
      <c r="C7" s="6">
        <v>158</v>
      </c>
      <c r="D7" s="6">
        <v>27</v>
      </c>
      <c r="E7" s="4">
        <v>326</v>
      </c>
    </row>
    <row r="8" spans="1:6">
      <c r="A8" s="74"/>
      <c r="B8" s="5">
        <v>0.433</v>
      </c>
      <c r="C8" s="5">
        <v>0.48499999999999999</v>
      </c>
      <c r="D8" s="5">
        <v>8.3000000000000004E-2</v>
      </c>
      <c r="E8" s="5">
        <v>1</v>
      </c>
    </row>
    <row r="9" spans="1:6">
      <c r="A9" s="73" t="s">
        <v>159</v>
      </c>
      <c r="B9" s="6">
        <v>19</v>
      </c>
      <c r="C9" s="6">
        <v>17</v>
      </c>
      <c r="D9" s="6">
        <v>5</v>
      </c>
      <c r="E9" s="6">
        <v>41</v>
      </c>
    </row>
    <row r="10" spans="1:6">
      <c r="A10" s="74"/>
      <c r="B10" s="5">
        <v>0.46300000000000002</v>
      </c>
      <c r="C10" s="5">
        <v>0.41499999999999998</v>
      </c>
      <c r="D10" s="5">
        <v>0.122</v>
      </c>
      <c r="E10" s="5">
        <v>1</v>
      </c>
    </row>
    <row r="11" spans="1:6" ht="14.25" customHeight="1">
      <c r="A11" s="56" t="s">
        <v>171</v>
      </c>
      <c r="B11" s="6">
        <v>4</v>
      </c>
      <c r="C11" s="6">
        <v>2</v>
      </c>
      <c r="D11" s="6">
        <v>3</v>
      </c>
      <c r="E11" s="6">
        <v>9</v>
      </c>
    </row>
    <row r="12" spans="1:6">
      <c r="A12" s="57"/>
      <c r="B12" s="5">
        <v>0.44400000000000001</v>
      </c>
      <c r="C12" s="5">
        <v>0.222</v>
      </c>
      <c r="D12" s="5">
        <v>0.33300000000000002</v>
      </c>
      <c r="E12" s="5">
        <v>1</v>
      </c>
    </row>
    <row r="13" spans="1:6">
      <c r="A13" s="56" t="s">
        <v>29</v>
      </c>
      <c r="B13" s="4">
        <v>1444</v>
      </c>
      <c r="C13" s="4">
        <v>461</v>
      </c>
      <c r="D13" s="4">
        <v>125</v>
      </c>
      <c r="E13" s="4">
        <v>2030</v>
      </c>
    </row>
    <row r="14" spans="1:6">
      <c r="A14" s="57"/>
      <c r="B14" s="5">
        <v>0.71099999999999997</v>
      </c>
      <c r="C14" s="5">
        <v>0.22700000000000001</v>
      </c>
      <c r="D14" s="5">
        <v>6.2E-2</v>
      </c>
      <c r="E14" s="5">
        <v>1</v>
      </c>
    </row>
    <row r="15" spans="1:6">
      <c r="A15" s="54" t="s">
        <v>125</v>
      </c>
      <c r="B15" s="54"/>
      <c r="C15" s="54"/>
      <c r="D15" s="54"/>
      <c r="E15" s="54"/>
    </row>
    <row r="16" spans="1:6">
      <c r="A16" s="55"/>
      <c r="B16" s="55"/>
      <c r="C16" s="55"/>
      <c r="D16" s="55"/>
      <c r="E16" s="55"/>
    </row>
  </sheetData>
  <mergeCells count="8">
    <mergeCell ref="A13:A14"/>
    <mergeCell ref="A15:E16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79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29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73" t="s">
        <v>153</v>
      </c>
      <c r="B5" s="4">
        <v>288</v>
      </c>
      <c r="C5" s="4">
        <v>601</v>
      </c>
      <c r="D5" s="4">
        <v>647</v>
      </c>
      <c r="E5" s="4">
        <v>510</v>
      </c>
      <c r="F5" s="4">
        <v>11</v>
      </c>
      <c r="G5" s="4">
        <v>2057</v>
      </c>
    </row>
    <row r="6" spans="1:8">
      <c r="A6" s="77"/>
      <c r="B6" s="5">
        <v>0.14000000000000001</v>
      </c>
      <c r="C6" s="5">
        <v>0.29199999999999998</v>
      </c>
      <c r="D6" s="5">
        <v>0.315</v>
      </c>
      <c r="E6" s="5">
        <v>0.248</v>
      </c>
      <c r="F6" s="5">
        <v>5.0000000000000001E-3</v>
      </c>
      <c r="G6" s="5">
        <v>1</v>
      </c>
    </row>
    <row r="7" spans="1:8">
      <c r="A7" s="73" t="s">
        <v>155</v>
      </c>
      <c r="B7" s="6">
        <v>285</v>
      </c>
      <c r="C7" s="6">
        <v>606</v>
      </c>
      <c r="D7" s="6">
        <v>384</v>
      </c>
      <c r="E7" s="6">
        <v>107</v>
      </c>
      <c r="F7" s="6">
        <v>101</v>
      </c>
      <c r="G7" s="4">
        <v>1483</v>
      </c>
    </row>
    <row r="8" spans="1:8">
      <c r="A8" s="74"/>
      <c r="B8" s="5">
        <v>0.192</v>
      </c>
      <c r="C8" s="5">
        <v>0.40899999999999997</v>
      </c>
      <c r="D8" s="5">
        <v>0.25900000000000001</v>
      </c>
      <c r="E8" s="5">
        <v>7.1999999999999995E-2</v>
      </c>
      <c r="F8" s="5">
        <v>6.8000000000000005E-2</v>
      </c>
      <c r="G8" s="5">
        <v>1</v>
      </c>
    </row>
    <row r="9" spans="1:8">
      <c r="A9" s="73" t="s">
        <v>49</v>
      </c>
      <c r="B9" s="6">
        <v>18</v>
      </c>
      <c r="C9" s="6">
        <v>49</v>
      </c>
      <c r="D9" s="6">
        <v>39</v>
      </c>
      <c r="E9" s="6">
        <v>10</v>
      </c>
      <c r="F9" s="6">
        <v>6</v>
      </c>
      <c r="G9" s="6">
        <v>122</v>
      </c>
    </row>
    <row r="10" spans="1:8">
      <c r="A10" s="74"/>
      <c r="B10" s="5">
        <v>0.14799999999999999</v>
      </c>
      <c r="C10" s="5">
        <v>0.40200000000000002</v>
      </c>
      <c r="D10" s="5">
        <v>0.32</v>
      </c>
      <c r="E10" s="5">
        <v>8.2000000000000003E-2</v>
      </c>
      <c r="F10" s="5">
        <v>4.9000000000000002E-2</v>
      </c>
      <c r="G10" s="5">
        <v>1</v>
      </c>
    </row>
    <row r="11" spans="1:8" ht="14.25" customHeight="1">
      <c r="A11" s="56" t="s">
        <v>171</v>
      </c>
      <c r="B11" s="6">
        <v>3</v>
      </c>
      <c r="C11" s="6">
        <v>3</v>
      </c>
      <c r="D11" s="6">
        <v>8</v>
      </c>
      <c r="E11" s="6">
        <v>4</v>
      </c>
      <c r="F11" s="6">
        <v>5</v>
      </c>
      <c r="G11" s="6">
        <v>23</v>
      </c>
    </row>
    <row r="12" spans="1:8">
      <c r="A12" s="57"/>
      <c r="B12" s="5">
        <v>0.13</v>
      </c>
      <c r="C12" s="5">
        <v>0.13</v>
      </c>
      <c r="D12" s="5">
        <v>0.34799999999999998</v>
      </c>
      <c r="E12" s="5">
        <v>0.17399999999999999</v>
      </c>
      <c r="F12" s="5">
        <v>0.217</v>
      </c>
      <c r="G12" s="5">
        <v>1</v>
      </c>
    </row>
    <row r="13" spans="1:8">
      <c r="A13" s="56" t="s">
        <v>29</v>
      </c>
      <c r="B13" s="4">
        <v>594</v>
      </c>
      <c r="C13" s="4">
        <v>1259</v>
      </c>
      <c r="D13" s="4">
        <v>1078</v>
      </c>
      <c r="E13" s="4">
        <v>631</v>
      </c>
      <c r="F13" s="4">
        <v>123</v>
      </c>
      <c r="G13" s="4">
        <v>3685</v>
      </c>
    </row>
    <row r="14" spans="1:8">
      <c r="A14" s="57"/>
      <c r="B14" s="5">
        <v>0.161</v>
      </c>
      <c r="C14" s="5">
        <v>0.34200000000000003</v>
      </c>
      <c r="D14" s="5">
        <v>0.29299999999999998</v>
      </c>
      <c r="E14" s="5">
        <v>0.17100000000000001</v>
      </c>
      <c r="F14" s="5">
        <v>3.3000000000000002E-2</v>
      </c>
      <c r="G14" s="5">
        <v>1</v>
      </c>
    </row>
    <row r="15" spans="1:8">
      <c r="A15" s="54" t="s">
        <v>127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3:A14"/>
    <mergeCell ref="A15:G16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80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29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73" t="s">
        <v>153</v>
      </c>
      <c r="B5" s="4">
        <v>148</v>
      </c>
      <c r="C5" s="4">
        <v>1738</v>
      </c>
      <c r="D5" s="4">
        <v>169</v>
      </c>
      <c r="E5" s="4">
        <v>2</v>
      </c>
      <c r="F5" s="4">
        <v>2057</v>
      </c>
    </row>
    <row r="6" spans="1:7">
      <c r="A6" s="77"/>
      <c r="B6" s="5">
        <v>7.1999999999999995E-2</v>
      </c>
      <c r="C6" s="5">
        <v>0.84499999999999997</v>
      </c>
      <c r="D6" s="5">
        <v>8.2000000000000003E-2</v>
      </c>
      <c r="E6" s="5">
        <v>1E-3</v>
      </c>
      <c r="F6" s="5">
        <v>1</v>
      </c>
    </row>
    <row r="7" spans="1:7">
      <c r="A7" s="73" t="s">
        <v>155</v>
      </c>
      <c r="B7" s="6">
        <v>28</v>
      </c>
      <c r="C7" s="6">
        <v>989</v>
      </c>
      <c r="D7" s="6">
        <v>465</v>
      </c>
      <c r="E7" s="6">
        <v>1</v>
      </c>
      <c r="F7" s="4">
        <v>1483</v>
      </c>
    </row>
    <row r="8" spans="1:7">
      <c r="A8" s="74"/>
      <c r="B8" s="5">
        <v>1.9E-2</v>
      </c>
      <c r="C8" s="5">
        <v>0.66700000000000004</v>
      </c>
      <c r="D8" s="5">
        <v>0.314</v>
      </c>
      <c r="E8" s="5">
        <v>1E-3</v>
      </c>
      <c r="F8" s="5">
        <v>1</v>
      </c>
    </row>
    <row r="9" spans="1:7">
      <c r="A9" s="73" t="s">
        <v>49</v>
      </c>
      <c r="B9" s="6">
        <v>6</v>
      </c>
      <c r="C9" s="6">
        <v>86</v>
      </c>
      <c r="D9" s="6">
        <v>30</v>
      </c>
      <c r="E9" s="6">
        <v>0</v>
      </c>
      <c r="F9" s="6">
        <v>122</v>
      </c>
    </row>
    <row r="10" spans="1:7">
      <c r="A10" s="74"/>
      <c r="B10" s="5">
        <v>4.9000000000000002E-2</v>
      </c>
      <c r="C10" s="5">
        <v>0.70499999999999996</v>
      </c>
      <c r="D10" s="5">
        <v>0.246</v>
      </c>
      <c r="E10" s="5">
        <v>0</v>
      </c>
      <c r="F10" s="5">
        <v>1</v>
      </c>
    </row>
    <row r="11" spans="1:7" ht="14.25" customHeight="1">
      <c r="A11" s="56" t="s">
        <v>171</v>
      </c>
      <c r="B11" s="6">
        <v>4</v>
      </c>
      <c r="C11" s="6">
        <v>8</v>
      </c>
      <c r="D11" s="6">
        <v>8</v>
      </c>
      <c r="E11" s="6">
        <v>3</v>
      </c>
      <c r="F11" s="6">
        <v>23</v>
      </c>
    </row>
    <row r="12" spans="1:7">
      <c r="A12" s="57"/>
      <c r="B12" s="5">
        <v>0.17399999999999999</v>
      </c>
      <c r="C12" s="5">
        <v>0.34799999999999998</v>
      </c>
      <c r="D12" s="5">
        <v>0.34799999999999998</v>
      </c>
      <c r="E12" s="5">
        <v>0.13</v>
      </c>
      <c r="F12" s="5">
        <v>1</v>
      </c>
    </row>
    <row r="13" spans="1:7">
      <c r="A13" s="56" t="s">
        <v>29</v>
      </c>
      <c r="B13" s="4">
        <v>186</v>
      </c>
      <c r="C13" s="4">
        <v>2821</v>
      </c>
      <c r="D13" s="4">
        <v>672</v>
      </c>
      <c r="E13" s="4">
        <v>6</v>
      </c>
      <c r="F13" s="4">
        <v>3685</v>
      </c>
    </row>
    <row r="14" spans="1:7">
      <c r="A14" s="57"/>
      <c r="B14" s="5">
        <v>0.05</v>
      </c>
      <c r="C14" s="5">
        <v>0.76600000000000001</v>
      </c>
      <c r="D14" s="5">
        <v>0.182</v>
      </c>
      <c r="E14" s="5">
        <v>2E-3</v>
      </c>
      <c r="F14" s="5">
        <v>1</v>
      </c>
    </row>
    <row r="15" spans="1:7">
      <c r="A15" s="54" t="s">
        <v>129</v>
      </c>
      <c r="B15" s="54"/>
      <c r="C15" s="54"/>
      <c r="D15" s="54"/>
      <c r="E15" s="54"/>
      <c r="F15" s="54"/>
    </row>
    <row r="16" spans="1:7">
      <c r="A16" s="55"/>
      <c r="B16" s="55"/>
      <c r="C16" s="55"/>
      <c r="D16" s="55"/>
      <c r="E16" s="55"/>
      <c r="F16" s="55"/>
    </row>
  </sheetData>
  <mergeCells count="8">
    <mergeCell ref="A13:A14"/>
    <mergeCell ref="A15:F16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6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81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29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73" t="s">
        <v>153</v>
      </c>
      <c r="B5" s="4">
        <v>98</v>
      </c>
      <c r="C5" s="4">
        <v>34</v>
      </c>
      <c r="D5" s="4">
        <v>8</v>
      </c>
      <c r="E5" s="4">
        <v>5</v>
      </c>
      <c r="F5" s="4">
        <v>3</v>
      </c>
      <c r="G5" s="4">
        <v>148</v>
      </c>
    </row>
    <row r="6" spans="1:8">
      <c r="A6" s="77"/>
      <c r="B6" s="5">
        <v>0.66200000000000003</v>
      </c>
      <c r="C6" s="5">
        <v>0.23</v>
      </c>
      <c r="D6" s="5">
        <v>5.3999999999999999E-2</v>
      </c>
      <c r="E6" s="5">
        <v>3.4000000000000002E-2</v>
      </c>
      <c r="F6" s="5">
        <v>0.02</v>
      </c>
      <c r="G6" s="5">
        <v>1</v>
      </c>
    </row>
    <row r="7" spans="1:8">
      <c r="A7" s="73" t="s">
        <v>155</v>
      </c>
      <c r="B7" s="6">
        <v>15</v>
      </c>
      <c r="C7" s="6">
        <v>3</v>
      </c>
      <c r="D7" s="6">
        <v>2</v>
      </c>
      <c r="E7" s="6">
        <v>6</v>
      </c>
      <c r="F7" s="6">
        <v>2</v>
      </c>
      <c r="G7" s="4">
        <v>28</v>
      </c>
    </row>
    <row r="8" spans="1:8">
      <c r="A8" s="74"/>
      <c r="B8" s="5">
        <v>0.53600000000000003</v>
      </c>
      <c r="C8" s="5">
        <v>0.107</v>
      </c>
      <c r="D8" s="5">
        <v>7.0999999999999994E-2</v>
      </c>
      <c r="E8" s="5">
        <v>0.214</v>
      </c>
      <c r="F8" s="5">
        <v>7.0999999999999994E-2</v>
      </c>
      <c r="G8" s="5">
        <v>1</v>
      </c>
    </row>
    <row r="9" spans="1:8">
      <c r="A9" s="73" t="s">
        <v>49</v>
      </c>
      <c r="B9" s="6">
        <v>4</v>
      </c>
      <c r="C9" s="6">
        <v>0</v>
      </c>
      <c r="D9" s="6">
        <v>0</v>
      </c>
      <c r="E9" s="6">
        <v>1</v>
      </c>
      <c r="F9" s="6">
        <v>1</v>
      </c>
      <c r="G9" s="6">
        <v>6</v>
      </c>
    </row>
    <row r="10" spans="1:8">
      <c r="A10" s="74"/>
      <c r="B10" s="5">
        <v>0.66700000000000004</v>
      </c>
      <c r="C10" s="5">
        <v>0</v>
      </c>
      <c r="D10" s="5">
        <v>0</v>
      </c>
      <c r="E10" s="5">
        <v>0.16700000000000001</v>
      </c>
      <c r="F10" s="5">
        <v>0.16700000000000001</v>
      </c>
      <c r="G10" s="5">
        <v>1</v>
      </c>
    </row>
    <row r="11" spans="1:8" ht="14.25" customHeight="1">
      <c r="A11" s="56" t="s">
        <v>171</v>
      </c>
      <c r="B11" s="6">
        <v>3</v>
      </c>
      <c r="C11" s="6">
        <v>0</v>
      </c>
      <c r="D11" s="6">
        <v>0</v>
      </c>
      <c r="E11" s="6">
        <v>0</v>
      </c>
      <c r="F11" s="6">
        <v>1</v>
      </c>
      <c r="G11" s="6">
        <v>4</v>
      </c>
    </row>
    <row r="12" spans="1:8">
      <c r="A12" s="57"/>
      <c r="B12" s="5">
        <v>0.75</v>
      </c>
      <c r="C12" s="5">
        <v>0</v>
      </c>
      <c r="D12" s="5">
        <v>0</v>
      </c>
      <c r="E12" s="5">
        <v>0</v>
      </c>
      <c r="F12" s="5">
        <v>0.25</v>
      </c>
      <c r="G12" s="5">
        <v>1</v>
      </c>
    </row>
    <row r="13" spans="1:8">
      <c r="A13" s="56" t="s">
        <v>29</v>
      </c>
      <c r="B13" s="6">
        <v>120</v>
      </c>
      <c r="C13" s="6">
        <v>37</v>
      </c>
      <c r="D13" s="6">
        <v>10</v>
      </c>
      <c r="E13" s="6">
        <v>12</v>
      </c>
      <c r="F13" s="6">
        <v>7</v>
      </c>
      <c r="G13" s="6">
        <v>186</v>
      </c>
    </row>
    <row r="14" spans="1:8">
      <c r="A14" s="57"/>
      <c r="B14" s="5">
        <v>0.64500000000000002</v>
      </c>
      <c r="C14" s="5">
        <v>0.19900000000000001</v>
      </c>
      <c r="D14" s="5">
        <v>5.3999999999999999E-2</v>
      </c>
      <c r="E14" s="5">
        <v>6.5000000000000002E-2</v>
      </c>
      <c r="F14" s="5">
        <v>3.7999999999999999E-2</v>
      </c>
      <c r="G14" s="5">
        <v>1</v>
      </c>
    </row>
    <row r="15" spans="1:8">
      <c r="A15" s="54" t="s">
        <v>131</v>
      </c>
      <c r="B15" s="54"/>
      <c r="C15" s="54"/>
      <c r="D15" s="54"/>
      <c r="E15" s="54"/>
      <c r="F15" s="54"/>
      <c r="G15" s="54"/>
    </row>
    <row r="16" spans="1:8">
      <c r="A16" s="55"/>
      <c r="B16" s="55"/>
      <c r="C16" s="55"/>
      <c r="D16" s="55"/>
      <c r="E16" s="55"/>
      <c r="F16" s="55"/>
      <c r="G16" s="55"/>
    </row>
  </sheetData>
  <mergeCells count="8">
    <mergeCell ref="A13:A14"/>
    <mergeCell ref="A15:G16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7">
      <c r="A1" s="1" t="s">
        <v>782</v>
      </c>
    </row>
    <row r="2" spans="1:7" ht="14.25" customHeight="1">
      <c r="A2" s="41" t="s">
        <v>812</v>
      </c>
      <c r="C2" s="7"/>
      <c r="D2" s="7"/>
      <c r="E2" s="7"/>
      <c r="F2" s="7"/>
      <c r="G2" s="7"/>
    </row>
    <row r="3" spans="1:7" ht="60" customHeight="1">
      <c r="A3" s="78" t="s">
        <v>230</v>
      </c>
      <c r="B3" s="62" t="s">
        <v>240</v>
      </c>
      <c r="C3" s="63"/>
      <c r="D3" s="62" t="s">
        <v>241</v>
      </c>
      <c r="E3" s="63"/>
      <c r="F3" s="62" t="s">
        <v>242</v>
      </c>
      <c r="G3" s="64"/>
    </row>
    <row r="4" spans="1:7">
      <c r="A4" s="78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56" t="s">
        <v>153</v>
      </c>
      <c r="B5" s="4">
        <v>183</v>
      </c>
      <c r="C5" s="4">
        <v>2133</v>
      </c>
      <c r="D5" s="4">
        <v>1855</v>
      </c>
      <c r="E5" s="4">
        <v>461</v>
      </c>
      <c r="F5" s="4">
        <v>757</v>
      </c>
      <c r="G5" s="4">
        <v>1559</v>
      </c>
    </row>
    <row r="6" spans="1:7">
      <c r="A6" s="61"/>
      <c r="B6" s="5">
        <v>7.9000000000000001E-2</v>
      </c>
      <c r="C6" s="5">
        <v>0.92100000000000004</v>
      </c>
      <c r="D6" s="5">
        <v>0.80100000000000005</v>
      </c>
      <c r="E6" s="5">
        <v>0.19900000000000001</v>
      </c>
      <c r="F6" s="5">
        <v>0.32700000000000001</v>
      </c>
      <c r="G6" s="5">
        <v>0.67300000000000004</v>
      </c>
    </row>
    <row r="7" spans="1:7">
      <c r="A7" s="56" t="s">
        <v>29</v>
      </c>
      <c r="B7" s="4">
        <v>183</v>
      </c>
      <c r="C7" s="4">
        <v>2133</v>
      </c>
      <c r="D7" s="4">
        <v>1855</v>
      </c>
      <c r="E7" s="4">
        <v>461</v>
      </c>
      <c r="F7" s="4">
        <v>757</v>
      </c>
      <c r="G7" s="4">
        <v>1559</v>
      </c>
    </row>
    <row r="8" spans="1:7">
      <c r="A8" s="57"/>
      <c r="B8" s="5">
        <v>7.9000000000000001E-2</v>
      </c>
      <c r="C8" s="5">
        <v>0.92100000000000004</v>
      </c>
      <c r="D8" s="5">
        <v>0.80100000000000005</v>
      </c>
      <c r="E8" s="5">
        <v>0.19900000000000001</v>
      </c>
      <c r="F8" s="5">
        <v>0.32700000000000001</v>
      </c>
      <c r="G8" s="5">
        <v>0.67300000000000004</v>
      </c>
    </row>
    <row r="10" spans="1:7" ht="37.5" customHeight="1">
      <c r="A10" s="78" t="s">
        <v>230</v>
      </c>
      <c r="B10" s="62" t="s">
        <v>243</v>
      </c>
      <c r="C10" s="63"/>
      <c r="D10" s="62" t="s">
        <v>244</v>
      </c>
      <c r="E10" s="63"/>
      <c r="F10" s="62" t="s">
        <v>245</v>
      </c>
      <c r="G10" s="64"/>
    </row>
    <row r="11" spans="1:7">
      <c r="A11" s="78"/>
      <c r="B11" s="8" t="s">
        <v>190</v>
      </c>
      <c r="C11" s="8" t="s">
        <v>191</v>
      </c>
      <c r="D11" s="8" t="s">
        <v>190</v>
      </c>
      <c r="E11" s="8" t="s">
        <v>191</v>
      </c>
      <c r="F11" s="8" t="s">
        <v>190</v>
      </c>
      <c r="G11" s="8" t="s">
        <v>191</v>
      </c>
    </row>
    <row r="12" spans="1:7">
      <c r="A12" s="56" t="s">
        <v>153</v>
      </c>
      <c r="B12" s="4">
        <v>1528</v>
      </c>
      <c r="C12" s="4">
        <v>788</v>
      </c>
      <c r="D12" s="4">
        <v>65</v>
      </c>
      <c r="E12" s="4">
        <v>2251</v>
      </c>
      <c r="F12" s="4">
        <v>93</v>
      </c>
      <c r="G12" s="4">
        <v>2223</v>
      </c>
    </row>
    <row r="13" spans="1:7">
      <c r="A13" s="61"/>
      <c r="B13" s="5">
        <v>0.66</v>
      </c>
      <c r="C13" s="5">
        <v>0.34</v>
      </c>
      <c r="D13" s="5">
        <v>2.8000000000000001E-2</v>
      </c>
      <c r="E13" s="5">
        <v>0.97199999999999998</v>
      </c>
      <c r="F13" s="5">
        <v>0.04</v>
      </c>
      <c r="G13" s="5">
        <v>0.96</v>
      </c>
    </row>
    <row r="14" spans="1:7">
      <c r="A14" s="56" t="s">
        <v>29</v>
      </c>
      <c r="B14" s="4">
        <v>1528</v>
      </c>
      <c r="C14" s="4">
        <v>788</v>
      </c>
      <c r="D14" s="4">
        <v>65</v>
      </c>
      <c r="E14" s="4">
        <v>2251</v>
      </c>
      <c r="F14" s="4">
        <v>93</v>
      </c>
      <c r="G14" s="4">
        <v>2223</v>
      </c>
    </row>
    <row r="15" spans="1:7">
      <c r="A15" s="57"/>
      <c r="B15" s="5">
        <v>0.66</v>
      </c>
      <c r="C15" s="5">
        <v>0.34</v>
      </c>
      <c r="D15" s="5">
        <v>2.8000000000000001E-2</v>
      </c>
      <c r="E15" s="5">
        <v>0.97199999999999998</v>
      </c>
      <c r="F15" s="5">
        <v>0.04</v>
      </c>
      <c r="G15" s="5">
        <v>0.96</v>
      </c>
    </row>
    <row r="17" spans="1:7" ht="45" customHeight="1">
      <c r="A17" s="78" t="s">
        <v>230</v>
      </c>
      <c r="B17" s="62" t="s">
        <v>246</v>
      </c>
      <c r="C17" s="63"/>
      <c r="D17" s="62" t="s">
        <v>247</v>
      </c>
      <c r="E17" s="64"/>
      <c r="F17" s="62" t="s">
        <v>248</v>
      </c>
      <c r="G17" s="64"/>
    </row>
    <row r="18" spans="1:7">
      <c r="A18" s="78"/>
      <c r="B18" s="8" t="s">
        <v>190</v>
      </c>
      <c r="C18" s="8" t="s">
        <v>191</v>
      </c>
      <c r="D18" s="8" t="s">
        <v>190</v>
      </c>
      <c r="E18" s="8" t="s">
        <v>191</v>
      </c>
      <c r="F18" s="8" t="s">
        <v>190</v>
      </c>
      <c r="G18" s="8" t="s">
        <v>191</v>
      </c>
    </row>
    <row r="19" spans="1:7">
      <c r="A19" s="56" t="s">
        <v>153</v>
      </c>
      <c r="B19" s="4">
        <v>114</v>
      </c>
      <c r="C19" s="4">
        <v>2202</v>
      </c>
      <c r="D19" s="4">
        <v>6</v>
      </c>
      <c r="E19" s="4">
        <v>2310</v>
      </c>
      <c r="F19" s="4">
        <v>44</v>
      </c>
      <c r="G19" s="4">
        <v>2272</v>
      </c>
    </row>
    <row r="20" spans="1:7">
      <c r="A20" s="61"/>
      <c r="B20" s="5">
        <v>4.9000000000000002E-2</v>
      </c>
      <c r="C20" s="5">
        <v>0.95099999999999996</v>
      </c>
      <c r="D20" s="5">
        <v>3.0000000000000001E-3</v>
      </c>
      <c r="E20" s="5">
        <v>0.997</v>
      </c>
      <c r="F20" s="5">
        <v>1.9E-2</v>
      </c>
      <c r="G20" s="5">
        <v>0.98099999999999998</v>
      </c>
    </row>
    <row r="21" spans="1:7">
      <c r="A21" s="56" t="s">
        <v>29</v>
      </c>
      <c r="B21" s="4">
        <v>114</v>
      </c>
      <c r="C21" s="4">
        <v>2202</v>
      </c>
      <c r="D21" s="4">
        <v>6</v>
      </c>
      <c r="E21" s="4">
        <v>2310</v>
      </c>
      <c r="F21" s="4">
        <v>44</v>
      </c>
      <c r="G21" s="4">
        <v>2272</v>
      </c>
    </row>
    <row r="22" spans="1:7">
      <c r="A22" s="57"/>
      <c r="B22" s="5">
        <v>4.9000000000000002E-2</v>
      </c>
      <c r="C22" s="5">
        <v>0.95099999999999996</v>
      </c>
      <c r="D22" s="5">
        <v>3.0000000000000001E-3</v>
      </c>
      <c r="E22" s="5">
        <v>0.997</v>
      </c>
      <c r="F22" s="5">
        <v>1.9E-2</v>
      </c>
      <c r="G22" s="5">
        <v>0.98099999999999998</v>
      </c>
    </row>
    <row r="23" spans="1:7" ht="14.25" customHeight="1">
      <c r="A23" s="54" t="s">
        <v>631</v>
      </c>
      <c r="B23" s="54"/>
      <c r="C23" s="54"/>
      <c r="D23" s="54"/>
      <c r="E23" s="54"/>
      <c r="F23" s="54"/>
      <c r="G23" s="54"/>
    </row>
    <row r="24" spans="1:7">
      <c r="A24" s="55"/>
      <c r="B24" s="55"/>
      <c r="C24" s="55"/>
      <c r="D24" s="55"/>
      <c r="E24" s="55"/>
      <c r="F24" s="55"/>
      <c r="G24" s="55"/>
    </row>
  </sheetData>
  <mergeCells count="19">
    <mergeCell ref="A3:A4"/>
    <mergeCell ref="B3:C3"/>
    <mergeCell ref="D3:E3"/>
    <mergeCell ref="F3:G3"/>
    <mergeCell ref="B10:C10"/>
    <mergeCell ref="D10:E10"/>
    <mergeCell ref="A14:A15"/>
    <mergeCell ref="A10:A11"/>
    <mergeCell ref="F10:G10"/>
    <mergeCell ref="A12:A13"/>
    <mergeCell ref="A5:A6"/>
    <mergeCell ref="A7:A8"/>
    <mergeCell ref="A19:A20"/>
    <mergeCell ref="A21:A22"/>
    <mergeCell ref="A23:G24"/>
    <mergeCell ref="D17:E17"/>
    <mergeCell ref="A17:A18"/>
    <mergeCell ref="B17:C17"/>
    <mergeCell ref="F17:G17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83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30</v>
      </c>
      <c r="B3" s="72" t="s">
        <v>122</v>
      </c>
      <c r="C3" s="72"/>
      <c r="D3" s="72"/>
      <c r="E3" s="72"/>
      <c r="F3" s="2"/>
    </row>
    <row r="4" spans="1:6" ht="28.5">
      <c r="A4" s="78"/>
      <c r="B4" s="8" t="s">
        <v>160</v>
      </c>
      <c r="C4" s="8" t="s">
        <v>161</v>
      </c>
      <c r="D4" s="8" t="s">
        <v>27</v>
      </c>
      <c r="E4" s="8" t="s">
        <v>28</v>
      </c>
    </row>
    <row r="5" spans="1:6">
      <c r="A5" s="56" t="s">
        <v>153</v>
      </c>
      <c r="B5" s="4">
        <v>1864</v>
      </c>
      <c r="C5" s="4">
        <v>445</v>
      </c>
      <c r="D5" s="4">
        <v>7</v>
      </c>
      <c r="E5" s="4">
        <v>2316</v>
      </c>
    </row>
    <row r="6" spans="1:6">
      <c r="A6" s="61"/>
      <c r="B6" s="5">
        <v>0.80500000000000005</v>
      </c>
      <c r="C6" s="5">
        <v>0.192</v>
      </c>
      <c r="D6" s="5">
        <v>3.0000000000000001E-3</v>
      </c>
      <c r="E6" s="5">
        <v>1</v>
      </c>
    </row>
    <row r="7" spans="1:6">
      <c r="A7" s="56" t="s">
        <v>155</v>
      </c>
      <c r="B7" s="4">
        <v>165</v>
      </c>
      <c r="C7" s="4">
        <v>1189</v>
      </c>
      <c r="D7" s="4">
        <v>5</v>
      </c>
      <c r="E7" s="4">
        <v>1359</v>
      </c>
    </row>
    <row r="8" spans="1:6">
      <c r="A8" s="57"/>
      <c r="B8" s="5">
        <v>0.121</v>
      </c>
      <c r="C8" s="5">
        <v>0.875</v>
      </c>
      <c r="D8" s="5">
        <v>4.0000000000000001E-3</v>
      </c>
      <c r="E8" s="5">
        <v>1</v>
      </c>
    </row>
    <row r="9" spans="1:6">
      <c r="A9" s="56" t="s">
        <v>171</v>
      </c>
      <c r="B9" s="6">
        <v>1</v>
      </c>
      <c r="C9" s="6">
        <v>6</v>
      </c>
      <c r="D9" s="6">
        <v>3</v>
      </c>
      <c r="E9" s="4">
        <v>10</v>
      </c>
    </row>
    <row r="10" spans="1:6">
      <c r="A10" s="57"/>
      <c r="B10" s="5">
        <v>0.1</v>
      </c>
      <c r="C10" s="5">
        <v>0.6</v>
      </c>
      <c r="D10" s="5">
        <v>0.3</v>
      </c>
      <c r="E10" s="5">
        <v>1</v>
      </c>
    </row>
    <row r="11" spans="1:6">
      <c r="A11" s="56" t="s">
        <v>29</v>
      </c>
      <c r="B11" s="4">
        <v>2030</v>
      </c>
      <c r="C11" s="4">
        <v>1640</v>
      </c>
      <c r="D11" s="4">
        <v>15</v>
      </c>
      <c r="E11" s="4">
        <v>3685</v>
      </c>
    </row>
    <row r="12" spans="1:6">
      <c r="A12" s="57"/>
      <c r="B12" s="5">
        <v>0.55100000000000005</v>
      </c>
      <c r="C12" s="5">
        <v>0.44500000000000001</v>
      </c>
      <c r="D12" s="5">
        <v>4.0000000000000001E-3</v>
      </c>
      <c r="E12" s="5">
        <v>1</v>
      </c>
    </row>
    <row r="13" spans="1:6" ht="14.25" customHeight="1">
      <c r="A13" s="54" t="s">
        <v>123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84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30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153</v>
      </c>
      <c r="B5" s="4">
        <v>1395</v>
      </c>
      <c r="C5" s="4">
        <v>369</v>
      </c>
      <c r="D5" s="4">
        <v>100</v>
      </c>
      <c r="E5" s="4">
        <v>1864</v>
      </c>
    </row>
    <row r="6" spans="1:6">
      <c r="A6" s="61"/>
      <c r="B6" s="5">
        <v>0.748</v>
      </c>
      <c r="C6" s="5">
        <v>0.19800000000000001</v>
      </c>
      <c r="D6" s="5">
        <v>5.3999999999999999E-2</v>
      </c>
      <c r="E6" s="5">
        <v>1</v>
      </c>
    </row>
    <row r="7" spans="1:6">
      <c r="A7" s="56" t="s">
        <v>155</v>
      </c>
      <c r="B7" s="4">
        <v>48</v>
      </c>
      <c r="C7" s="4">
        <v>92</v>
      </c>
      <c r="D7" s="4">
        <v>25</v>
      </c>
      <c r="E7" s="4">
        <v>165</v>
      </c>
    </row>
    <row r="8" spans="1:6">
      <c r="A8" s="57"/>
      <c r="B8" s="5">
        <v>0.29099999999999998</v>
      </c>
      <c r="C8" s="5">
        <v>0.55800000000000005</v>
      </c>
      <c r="D8" s="5">
        <v>0.152</v>
      </c>
      <c r="E8" s="5">
        <v>1</v>
      </c>
    </row>
    <row r="9" spans="1:6">
      <c r="A9" s="56" t="s">
        <v>171</v>
      </c>
      <c r="B9" s="6">
        <v>1</v>
      </c>
      <c r="C9" s="6">
        <v>0</v>
      </c>
      <c r="D9" s="6">
        <v>0</v>
      </c>
      <c r="E9" s="4">
        <v>1</v>
      </c>
    </row>
    <row r="10" spans="1:6">
      <c r="A10" s="57"/>
      <c r="B10" s="5">
        <v>1</v>
      </c>
      <c r="C10" s="5">
        <v>0</v>
      </c>
      <c r="D10" s="5">
        <v>0</v>
      </c>
      <c r="E10" s="5">
        <v>1</v>
      </c>
    </row>
    <row r="11" spans="1:6">
      <c r="A11" s="56" t="s">
        <v>29</v>
      </c>
      <c r="B11" s="4">
        <v>1444</v>
      </c>
      <c r="C11" s="4">
        <v>461</v>
      </c>
      <c r="D11" s="4">
        <v>125</v>
      </c>
      <c r="E11" s="4">
        <v>2030</v>
      </c>
    </row>
    <row r="12" spans="1:6">
      <c r="A12" s="57"/>
      <c r="B12" s="5">
        <v>0.71099999999999997</v>
      </c>
      <c r="C12" s="5">
        <v>0.22700000000000001</v>
      </c>
      <c r="D12" s="5">
        <v>6.2E-2</v>
      </c>
      <c r="E12" s="5">
        <v>1</v>
      </c>
    </row>
    <row r="13" spans="1:6" ht="14.25" customHeight="1">
      <c r="A13" s="54" t="s">
        <v>125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"/>
  <dimension ref="A1:F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6">
      <c r="A1" s="1" t="s">
        <v>517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60" t="s">
        <v>168</v>
      </c>
      <c r="B3" s="53" t="s">
        <v>104</v>
      </c>
      <c r="C3" s="53"/>
      <c r="D3" s="53"/>
      <c r="E3" s="53"/>
      <c r="F3" s="2"/>
    </row>
    <row r="4" spans="1:6">
      <c r="A4" s="60"/>
      <c r="B4" s="8" t="s">
        <v>142</v>
      </c>
      <c r="C4" s="8" t="s">
        <v>150</v>
      </c>
      <c r="D4" s="8" t="s">
        <v>42</v>
      </c>
      <c r="E4" s="8" t="s">
        <v>29</v>
      </c>
    </row>
    <row r="5" spans="1:6">
      <c r="A5" s="56" t="s">
        <v>169</v>
      </c>
      <c r="B5" s="4">
        <v>757</v>
      </c>
      <c r="C5" s="4">
        <v>38</v>
      </c>
      <c r="D5" s="4">
        <v>42</v>
      </c>
      <c r="E5" s="4">
        <v>837</v>
      </c>
    </row>
    <row r="6" spans="1:6">
      <c r="A6" s="61"/>
      <c r="B6" s="5">
        <v>0.90400000000000003</v>
      </c>
      <c r="C6" s="5">
        <v>4.4999999999999998E-2</v>
      </c>
      <c r="D6" s="5">
        <v>0.05</v>
      </c>
      <c r="E6" s="5">
        <v>1</v>
      </c>
    </row>
    <row r="7" spans="1:6">
      <c r="A7" s="56" t="s">
        <v>170</v>
      </c>
      <c r="B7" s="6">
        <v>754</v>
      </c>
      <c r="C7" s="6">
        <v>44</v>
      </c>
      <c r="D7" s="6">
        <v>35</v>
      </c>
      <c r="E7" s="4">
        <v>833</v>
      </c>
    </row>
    <row r="8" spans="1:6">
      <c r="A8" s="57"/>
      <c r="B8" s="5">
        <v>0.90500000000000003</v>
      </c>
      <c r="C8" s="5">
        <v>5.2999999999999999E-2</v>
      </c>
      <c r="D8" s="5">
        <v>4.2000000000000003E-2</v>
      </c>
      <c r="E8" s="5">
        <v>1</v>
      </c>
    </row>
    <row r="9" spans="1:6">
      <c r="A9" s="56" t="s">
        <v>171</v>
      </c>
      <c r="B9" s="6">
        <v>3</v>
      </c>
      <c r="C9" s="6">
        <v>0</v>
      </c>
      <c r="D9" s="6">
        <v>0</v>
      </c>
      <c r="E9" s="6">
        <v>3</v>
      </c>
    </row>
    <row r="10" spans="1:6">
      <c r="A10" s="57"/>
      <c r="B10" s="5">
        <v>1</v>
      </c>
      <c r="C10" s="5">
        <v>0</v>
      </c>
      <c r="D10" s="5">
        <v>0</v>
      </c>
      <c r="E10" s="5">
        <v>1</v>
      </c>
    </row>
    <row r="11" spans="1:6" ht="14.25" customHeight="1">
      <c r="A11" s="73" t="s">
        <v>29</v>
      </c>
      <c r="B11" s="4">
        <v>1514</v>
      </c>
      <c r="C11" s="4">
        <v>82</v>
      </c>
      <c r="D11" s="4">
        <v>77</v>
      </c>
      <c r="E11" s="4">
        <v>1673</v>
      </c>
    </row>
    <row r="12" spans="1:6">
      <c r="A12" s="74"/>
      <c r="B12" s="5">
        <v>0.90500000000000003</v>
      </c>
      <c r="C12" s="5">
        <v>4.9000000000000002E-2</v>
      </c>
      <c r="D12" s="5">
        <v>4.5999999999999999E-2</v>
      </c>
      <c r="E12" s="5">
        <v>1</v>
      </c>
    </row>
    <row r="13" spans="1:6">
      <c r="A13" s="54" t="s">
        <v>518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85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30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56" t="s">
        <v>153</v>
      </c>
      <c r="B5" s="4">
        <v>336</v>
      </c>
      <c r="C5" s="4">
        <v>695</v>
      </c>
      <c r="D5" s="4">
        <v>737</v>
      </c>
      <c r="E5" s="4">
        <v>530</v>
      </c>
      <c r="F5" s="4">
        <v>18</v>
      </c>
      <c r="G5" s="4">
        <v>2316</v>
      </c>
    </row>
    <row r="6" spans="1:8">
      <c r="A6" s="61"/>
      <c r="B6" s="5">
        <v>0.14499999999999999</v>
      </c>
      <c r="C6" s="5">
        <v>0.3</v>
      </c>
      <c r="D6" s="5">
        <v>0.318</v>
      </c>
      <c r="E6" s="5">
        <v>0.22900000000000001</v>
      </c>
      <c r="F6" s="5">
        <v>8.0000000000000002E-3</v>
      </c>
      <c r="G6" s="5">
        <v>1</v>
      </c>
    </row>
    <row r="7" spans="1:8">
      <c r="A7" s="56" t="s">
        <v>155</v>
      </c>
      <c r="B7" s="4">
        <v>258</v>
      </c>
      <c r="C7" s="4">
        <v>560</v>
      </c>
      <c r="D7" s="4">
        <v>339</v>
      </c>
      <c r="E7" s="4">
        <v>100</v>
      </c>
      <c r="F7" s="4">
        <v>102</v>
      </c>
      <c r="G7" s="4">
        <v>1359</v>
      </c>
    </row>
    <row r="8" spans="1:8">
      <c r="A8" s="57"/>
      <c r="B8" s="5">
        <v>0.19</v>
      </c>
      <c r="C8" s="5">
        <v>0.41199999999999998</v>
      </c>
      <c r="D8" s="5">
        <v>0.249</v>
      </c>
      <c r="E8" s="5">
        <v>7.3999999999999996E-2</v>
      </c>
      <c r="F8" s="5">
        <v>7.4999999999999997E-2</v>
      </c>
      <c r="G8" s="5">
        <v>1</v>
      </c>
    </row>
    <row r="9" spans="1:8">
      <c r="A9" s="56" t="s">
        <v>171</v>
      </c>
      <c r="B9" s="6">
        <v>0</v>
      </c>
      <c r="C9" s="6">
        <v>4</v>
      </c>
      <c r="D9" s="6">
        <v>2</v>
      </c>
      <c r="E9" s="6">
        <v>1</v>
      </c>
      <c r="F9" s="6">
        <v>3</v>
      </c>
      <c r="G9" s="4">
        <v>10</v>
      </c>
    </row>
    <row r="10" spans="1:8">
      <c r="A10" s="57"/>
      <c r="B10" s="5">
        <v>0</v>
      </c>
      <c r="C10" s="5">
        <v>0.4</v>
      </c>
      <c r="D10" s="5">
        <v>0.2</v>
      </c>
      <c r="E10" s="5">
        <v>0.1</v>
      </c>
      <c r="F10" s="5">
        <v>0.3</v>
      </c>
      <c r="G10" s="5">
        <v>1</v>
      </c>
    </row>
    <row r="11" spans="1:8">
      <c r="A11" s="56" t="s">
        <v>29</v>
      </c>
      <c r="B11" s="4">
        <v>594</v>
      </c>
      <c r="C11" s="4">
        <v>1259</v>
      </c>
      <c r="D11" s="4">
        <v>1078</v>
      </c>
      <c r="E11" s="4">
        <v>631</v>
      </c>
      <c r="F11" s="4">
        <v>123</v>
      </c>
      <c r="G11" s="4">
        <v>3685</v>
      </c>
    </row>
    <row r="12" spans="1:8">
      <c r="A12" s="57"/>
      <c r="B12" s="5">
        <v>0.161</v>
      </c>
      <c r="C12" s="5">
        <v>0.34200000000000003</v>
      </c>
      <c r="D12" s="5">
        <v>0.29299999999999998</v>
      </c>
      <c r="E12" s="5">
        <v>0.17100000000000001</v>
      </c>
      <c r="F12" s="5">
        <v>3.3000000000000002E-2</v>
      </c>
      <c r="G12" s="5">
        <v>1</v>
      </c>
    </row>
    <row r="13" spans="1:8" ht="14.25" customHeight="1">
      <c r="A13" s="54" t="s">
        <v>127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86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30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56" t="s">
        <v>153</v>
      </c>
      <c r="B5" s="4">
        <v>165</v>
      </c>
      <c r="C5" s="4">
        <v>1947</v>
      </c>
      <c r="D5" s="4">
        <v>202</v>
      </c>
      <c r="E5" s="4">
        <v>2</v>
      </c>
      <c r="F5" s="4">
        <v>2316</v>
      </c>
    </row>
    <row r="6" spans="1:7">
      <c r="A6" s="61"/>
      <c r="B6" s="5">
        <v>7.0999999999999994E-2</v>
      </c>
      <c r="C6" s="5">
        <v>0.84099999999999997</v>
      </c>
      <c r="D6" s="5">
        <v>8.6999999999999994E-2</v>
      </c>
      <c r="E6" s="5">
        <v>1E-3</v>
      </c>
      <c r="F6" s="5">
        <v>1</v>
      </c>
    </row>
    <row r="7" spans="1:7">
      <c r="A7" s="56" t="s">
        <v>155</v>
      </c>
      <c r="B7" s="6">
        <v>20</v>
      </c>
      <c r="C7" s="6">
        <v>868</v>
      </c>
      <c r="D7" s="6">
        <v>470</v>
      </c>
      <c r="E7" s="6">
        <v>1</v>
      </c>
      <c r="F7" s="4">
        <v>1359</v>
      </c>
    </row>
    <row r="8" spans="1:7">
      <c r="A8" s="57"/>
      <c r="B8" s="5">
        <v>1.4999999999999999E-2</v>
      </c>
      <c r="C8" s="5">
        <v>0.63900000000000001</v>
      </c>
      <c r="D8" s="5">
        <v>0.34599999999999997</v>
      </c>
      <c r="E8" s="5">
        <v>1E-3</v>
      </c>
      <c r="F8" s="5">
        <v>1</v>
      </c>
    </row>
    <row r="9" spans="1:7">
      <c r="A9" s="56" t="s">
        <v>171</v>
      </c>
      <c r="B9" s="6">
        <v>1</v>
      </c>
      <c r="C9" s="6">
        <v>6</v>
      </c>
      <c r="D9" s="6">
        <v>0</v>
      </c>
      <c r="E9" s="6">
        <v>3</v>
      </c>
      <c r="F9" s="4">
        <v>10</v>
      </c>
    </row>
    <row r="10" spans="1:7">
      <c r="A10" s="57"/>
      <c r="B10" s="5">
        <v>0.1</v>
      </c>
      <c r="C10" s="5">
        <v>0.6</v>
      </c>
      <c r="D10" s="5">
        <v>0</v>
      </c>
      <c r="E10" s="5">
        <v>0.3</v>
      </c>
      <c r="F10" s="5">
        <v>1</v>
      </c>
    </row>
    <row r="11" spans="1:7">
      <c r="A11" s="56" t="s">
        <v>29</v>
      </c>
      <c r="B11" s="4">
        <v>186</v>
      </c>
      <c r="C11" s="4">
        <v>2821</v>
      </c>
      <c r="D11" s="4">
        <v>672</v>
      </c>
      <c r="E11" s="4">
        <v>6</v>
      </c>
      <c r="F11" s="4">
        <v>3685</v>
      </c>
    </row>
    <row r="12" spans="1:7">
      <c r="A12" s="57"/>
      <c r="B12" s="5">
        <v>0.05</v>
      </c>
      <c r="C12" s="5">
        <v>0.76600000000000001</v>
      </c>
      <c r="D12" s="5">
        <v>0.182</v>
      </c>
      <c r="E12" s="5">
        <v>2E-3</v>
      </c>
      <c r="F12" s="5">
        <v>1</v>
      </c>
    </row>
    <row r="13" spans="1:7" ht="14.25" customHeight="1">
      <c r="A13" s="54" t="s">
        <v>129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87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30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56" t="s">
        <v>153</v>
      </c>
      <c r="B5" s="4">
        <v>108</v>
      </c>
      <c r="C5" s="4">
        <v>36</v>
      </c>
      <c r="D5" s="4">
        <v>10</v>
      </c>
      <c r="E5" s="4">
        <v>8</v>
      </c>
      <c r="F5" s="4">
        <v>3</v>
      </c>
      <c r="G5" s="4">
        <v>165</v>
      </c>
    </row>
    <row r="6" spans="1:8">
      <c r="A6" s="61"/>
      <c r="B6" s="5">
        <v>0.65500000000000003</v>
      </c>
      <c r="C6" s="5">
        <v>0.218</v>
      </c>
      <c r="D6" s="5">
        <v>6.0999999999999999E-2</v>
      </c>
      <c r="E6" s="5">
        <v>4.8000000000000001E-2</v>
      </c>
      <c r="F6" s="5">
        <v>1.7999999999999999E-2</v>
      </c>
      <c r="G6" s="5">
        <v>1</v>
      </c>
    </row>
    <row r="7" spans="1:8">
      <c r="A7" s="56" t="s">
        <v>155</v>
      </c>
      <c r="B7" s="6">
        <v>11</v>
      </c>
      <c r="C7" s="6">
        <v>1</v>
      </c>
      <c r="D7" s="6">
        <v>0</v>
      </c>
      <c r="E7" s="6">
        <v>4</v>
      </c>
      <c r="F7" s="6">
        <v>4</v>
      </c>
      <c r="G7" s="4">
        <v>20</v>
      </c>
    </row>
    <row r="8" spans="1:8">
      <c r="A8" s="57"/>
      <c r="B8" s="5">
        <v>0.55000000000000004</v>
      </c>
      <c r="C8" s="5">
        <v>0.05</v>
      </c>
      <c r="D8" s="5">
        <v>0</v>
      </c>
      <c r="E8" s="5">
        <v>0.2</v>
      </c>
      <c r="F8" s="5">
        <v>0.2</v>
      </c>
      <c r="G8" s="5">
        <v>1</v>
      </c>
    </row>
    <row r="9" spans="1:8">
      <c r="A9" s="56" t="s">
        <v>171</v>
      </c>
      <c r="B9" s="6">
        <v>1</v>
      </c>
      <c r="C9" s="6">
        <v>0</v>
      </c>
      <c r="D9" s="6">
        <v>0</v>
      </c>
      <c r="E9" s="6">
        <v>0</v>
      </c>
      <c r="F9" s="6">
        <v>0</v>
      </c>
      <c r="G9" s="4">
        <v>1</v>
      </c>
    </row>
    <row r="10" spans="1:8">
      <c r="A10" s="57"/>
      <c r="B10" s="5">
        <v>1</v>
      </c>
      <c r="C10" s="5">
        <v>0</v>
      </c>
      <c r="D10" s="5">
        <v>0</v>
      </c>
      <c r="E10" s="5">
        <v>0</v>
      </c>
      <c r="F10" s="5">
        <v>0</v>
      </c>
      <c r="G10" s="5">
        <v>1</v>
      </c>
    </row>
    <row r="11" spans="1:8">
      <c r="A11" s="56" t="s">
        <v>29</v>
      </c>
      <c r="B11" s="6">
        <v>120</v>
      </c>
      <c r="C11" s="6">
        <v>37</v>
      </c>
      <c r="D11" s="6">
        <v>10</v>
      </c>
      <c r="E11" s="6">
        <v>12</v>
      </c>
      <c r="F11" s="6">
        <v>7</v>
      </c>
      <c r="G11" s="6">
        <v>186</v>
      </c>
    </row>
    <row r="12" spans="1:8">
      <c r="A12" s="57"/>
      <c r="B12" s="5">
        <v>0.64500000000000002</v>
      </c>
      <c r="C12" s="5">
        <v>0.19900000000000001</v>
      </c>
      <c r="D12" s="5">
        <v>5.3999999999999999E-2</v>
      </c>
      <c r="E12" s="5">
        <v>6.5000000000000002E-2</v>
      </c>
      <c r="F12" s="5">
        <v>3.7999999999999999E-2</v>
      </c>
      <c r="G12" s="5">
        <v>1</v>
      </c>
    </row>
    <row r="13" spans="1:8" ht="14.25" customHeight="1">
      <c r="A13" s="54" t="s">
        <v>131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verticalDpi="0" r:id="rId1"/>
</worksheet>
</file>

<file path=xl/worksheets/sheet2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6">
      <c r="A1" s="1" t="s">
        <v>788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78" t="s">
        <v>231</v>
      </c>
      <c r="B3" s="53" t="s">
        <v>124</v>
      </c>
      <c r="C3" s="53"/>
      <c r="D3" s="53"/>
      <c r="E3" s="53"/>
      <c r="F3" s="2"/>
    </row>
    <row r="4" spans="1:6">
      <c r="A4" s="78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73" t="s">
        <v>232</v>
      </c>
      <c r="B5" s="4">
        <v>1444</v>
      </c>
      <c r="C5" s="4">
        <v>461</v>
      </c>
      <c r="D5" s="4">
        <v>125</v>
      </c>
      <c r="E5" s="4">
        <v>2030</v>
      </c>
    </row>
    <row r="6" spans="1:6">
      <c r="A6" s="77"/>
      <c r="B6" s="5">
        <v>0.71099999999999997</v>
      </c>
      <c r="C6" s="5">
        <v>0.22700000000000001</v>
      </c>
      <c r="D6" s="5">
        <v>6.2E-2</v>
      </c>
      <c r="E6" s="5">
        <v>1</v>
      </c>
    </row>
    <row r="7" spans="1:6">
      <c r="A7" s="73" t="s">
        <v>233</v>
      </c>
      <c r="B7" s="4">
        <v>0</v>
      </c>
      <c r="C7" s="4">
        <v>0</v>
      </c>
      <c r="D7" s="4">
        <v>0</v>
      </c>
      <c r="E7" s="4">
        <v>0</v>
      </c>
    </row>
    <row r="8" spans="1:6">
      <c r="A8" s="74"/>
      <c r="B8" s="5">
        <v>0</v>
      </c>
      <c r="C8" s="5">
        <v>0</v>
      </c>
      <c r="D8" s="5">
        <v>0</v>
      </c>
      <c r="E8" s="5">
        <v>0</v>
      </c>
    </row>
    <row r="9" spans="1:6">
      <c r="A9" s="56" t="s">
        <v>171</v>
      </c>
      <c r="B9" s="6">
        <v>0</v>
      </c>
      <c r="C9" s="6">
        <v>0</v>
      </c>
      <c r="D9" s="6">
        <v>0</v>
      </c>
      <c r="E9" s="4">
        <v>0</v>
      </c>
    </row>
    <row r="10" spans="1:6">
      <c r="A10" s="57"/>
      <c r="B10" s="5">
        <v>0</v>
      </c>
      <c r="C10" s="5">
        <v>0</v>
      </c>
      <c r="D10" s="5">
        <v>0</v>
      </c>
      <c r="E10" s="5">
        <v>0</v>
      </c>
    </row>
    <row r="11" spans="1:6">
      <c r="A11" s="56" t="s">
        <v>29</v>
      </c>
      <c r="B11" s="4">
        <v>1444</v>
      </c>
      <c r="C11" s="4">
        <v>461</v>
      </c>
      <c r="D11" s="4">
        <v>125</v>
      </c>
      <c r="E11" s="4">
        <v>2030</v>
      </c>
    </row>
    <row r="12" spans="1:6">
      <c r="A12" s="57"/>
      <c r="B12" s="5">
        <v>0.71099999999999997</v>
      </c>
      <c r="C12" s="5">
        <v>0.22700000000000001</v>
      </c>
      <c r="D12" s="5">
        <v>6.2E-2</v>
      </c>
      <c r="E12" s="5">
        <v>1</v>
      </c>
    </row>
    <row r="13" spans="1:6" ht="14.25" customHeight="1">
      <c r="A13" s="54" t="s">
        <v>125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4"/>
  <sheetViews>
    <sheetView workbookViewId="0">
      <selection activeCell="A2" sqref="A2"/>
    </sheetView>
  </sheetViews>
  <sheetFormatPr defaultRowHeight="14.25"/>
  <cols>
    <col min="1" max="1" width="17.875" customWidth="1"/>
  </cols>
  <sheetData>
    <row r="1" spans="1:6">
      <c r="A1" s="1" t="s">
        <v>798</v>
      </c>
      <c r="B1" s="1"/>
      <c r="C1" s="1"/>
      <c r="D1" s="1"/>
      <c r="E1" s="1"/>
      <c r="F1" s="1"/>
    </row>
    <row r="2" spans="1:6">
      <c r="A2" s="41" t="s">
        <v>812</v>
      </c>
      <c r="B2" s="1"/>
      <c r="C2" s="7"/>
      <c r="D2" s="7"/>
      <c r="E2" s="7"/>
      <c r="F2" s="1"/>
    </row>
    <row r="3" spans="1:6">
      <c r="A3" s="73" t="s">
        <v>251</v>
      </c>
      <c r="B3" s="72" t="s">
        <v>252</v>
      </c>
      <c r="C3" s="72"/>
      <c r="D3" s="72"/>
      <c r="E3" s="72"/>
      <c r="F3" s="2"/>
    </row>
    <row r="4" spans="1:6" ht="28.5">
      <c r="A4" s="77"/>
      <c r="B4" s="14" t="s">
        <v>160</v>
      </c>
      <c r="C4" s="14" t="s">
        <v>161</v>
      </c>
      <c r="D4" s="14" t="s">
        <v>42</v>
      </c>
      <c r="E4" s="14" t="s">
        <v>29</v>
      </c>
      <c r="F4" s="1"/>
    </row>
    <row r="5" spans="1:6">
      <c r="A5" s="56" t="s">
        <v>190</v>
      </c>
      <c r="B5" s="4">
        <v>1780</v>
      </c>
      <c r="C5" s="4">
        <v>348</v>
      </c>
      <c r="D5" s="4">
        <v>5</v>
      </c>
      <c r="E5" s="4">
        <v>2133</v>
      </c>
      <c r="F5" s="1"/>
    </row>
    <row r="6" spans="1:6">
      <c r="A6" s="61"/>
      <c r="B6" s="5">
        <v>0.83499999999999996</v>
      </c>
      <c r="C6" s="5">
        <v>0.16300000000000001</v>
      </c>
      <c r="D6" s="5">
        <v>2E-3</v>
      </c>
      <c r="E6" s="5">
        <v>1</v>
      </c>
      <c r="F6" s="1"/>
    </row>
    <row r="7" spans="1:6">
      <c r="A7" s="56" t="s">
        <v>191</v>
      </c>
      <c r="B7" s="6">
        <v>84</v>
      </c>
      <c r="C7" s="6">
        <v>97</v>
      </c>
      <c r="D7" s="6">
        <v>2</v>
      </c>
      <c r="E7" s="6">
        <v>183</v>
      </c>
      <c r="F7" s="1"/>
    </row>
    <row r="8" spans="1:6">
      <c r="A8" s="61"/>
      <c r="B8" s="5">
        <v>0.45900000000000002</v>
      </c>
      <c r="C8" s="5">
        <v>0.53</v>
      </c>
      <c r="D8" s="5">
        <v>1.0999999999999999E-2</v>
      </c>
      <c r="E8" s="5">
        <v>1</v>
      </c>
      <c r="F8" s="1"/>
    </row>
    <row r="9" spans="1:6">
      <c r="A9" s="56" t="s">
        <v>29</v>
      </c>
      <c r="B9" s="4">
        <v>1864</v>
      </c>
      <c r="C9" s="4">
        <v>445</v>
      </c>
      <c r="D9" s="4">
        <v>7</v>
      </c>
      <c r="E9" s="4">
        <v>2316</v>
      </c>
      <c r="F9" s="1"/>
    </row>
    <row r="10" spans="1:6">
      <c r="A10" s="61"/>
      <c r="B10" s="5">
        <v>0.80500000000000005</v>
      </c>
      <c r="C10" s="5">
        <v>0.192</v>
      </c>
      <c r="D10" s="5">
        <v>3.0000000000000001E-3</v>
      </c>
      <c r="E10" s="5">
        <v>1</v>
      </c>
      <c r="F10" s="1"/>
    </row>
    <row r="11" spans="1:6">
      <c r="A11" s="73" t="s">
        <v>254</v>
      </c>
      <c r="B11" s="72" t="s">
        <v>252</v>
      </c>
      <c r="C11" s="72"/>
      <c r="D11" s="72"/>
      <c r="E11" s="72"/>
      <c r="F11" s="1"/>
    </row>
    <row r="12" spans="1:6" ht="28.5">
      <c r="A12" s="77"/>
      <c r="B12" s="14" t="s">
        <v>160</v>
      </c>
      <c r="C12" s="14" t="s">
        <v>161</v>
      </c>
      <c r="D12" s="14" t="s">
        <v>42</v>
      </c>
      <c r="E12" s="14" t="s">
        <v>29</v>
      </c>
      <c r="F12" s="1"/>
    </row>
    <row r="13" spans="1:6">
      <c r="A13" s="56" t="s">
        <v>190</v>
      </c>
      <c r="B13" s="4">
        <v>283</v>
      </c>
      <c r="C13" s="4">
        <v>175</v>
      </c>
      <c r="D13" s="4">
        <v>3</v>
      </c>
      <c r="E13" s="4">
        <v>461</v>
      </c>
      <c r="F13" s="1"/>
    </row>
    <row r="14" spans="1:6">
      <c r="A14" s="61"/>
      <c r="B14" s="5">
        <v>0.61399999999999999</v>
      </c>
      <c r="C14" s="5">
        <v>0.38</v>
      </c>
      <c r="D14" s="5">
        <v>7.0000000000000001E-3</v>
      </c>
      <c r="E14" s="5">
        <v>1</v>
      </c>
      <c r="F14" s="1"/>
    </row>
    <row r="15" spans="1:6">
      <c r="A15" s="56" t="s">
        <v>191</v>
      </c>
      <c r="B15" s="4">
        <v>1581</v>
      </c>
      <c r="C15" s="4">
        <v>270</v>
      </c>
      <c r="D15" s="4">
        <v>4</v>
      </c>
      <c r="E15" s="4">
        <v>1855</v>
      </c>
      <c r="F15" s="1"/>
    </row>
    <row r="16" spans="1:6">
      <c r="A16" s="61"/>
      <c r="B16" s="5">
        <v>0.85199999999999998</v>
      </c>
      <c r="C16" s="5">
        <v>0.14599999999999999</v>
      </c>
      <c r="D16" s="5">
        <v>2E-3</v>
      </c>
      <c r="E16" s="5">
        <v>1</v>
      </c>
      <c r="F16" s="1"/>
    </row>
    <row r="17" spans="1:6">
      <c r="A17" s="56" t="s">
        <v>29</v>
      </c>
      <c r="B17" s="4">
        <v>1864</v>
      </c>
      <c r="C17" s="4">
        <v>445</v>
      </c>
      <c r="D17" s="4">
        <v>7</v>
      </c>
      <c r="E17" s="4">
        <v>2316</v>
      </c>
      <c r="F17" s="1"/>
    </row>
    <row r="18" spans="1:6">
      <c r="A18" s="61"/>
      <c r="B18" s="5">
        <v>0.80500000000000005</v>
      </c>
      <c r="C18" s="5">
        <v>0.192</v>
      </c>
      <c r="D18" s="5">
        <v>3.0000000000000001E-3</v>
      </c>
      <c r="E18" s="5">
        <v>1</v>
      </c>
      <c r="F18" s="1"/>
    </row>
    <row r="19" spans="1:6">
      <c r="A19" s="73" t="s">
        <v>256</v>
      </c>
      <c r="B19" s="72" t="s">
        <v>252</v>
      </c>
      <c r="C19" s="72"/>
      <c r="D19" s="72"/>
      <c r="E19" s="72"/>
      <c r="F19" s="1"/>
    </row>
    <row r="20" spans="1:6" ht="28.5">
      <c r="A20" s="77"/>
      <c r="B20" s="14" t="s">
        <v>160</v>
      </c>
      <c r="C20" s="14" t="s">
        <v>161</v>
      </c>
      <c r="D20" s="14" t="s">
        <v>42</v>
      </c>
      <c r="E20" s="14" t="s">
        <v>29</v>
      </c>
      <c r="F20" s="1"/>
    </row>
    <row r="21" spans="1:6">
      <c r="A21" s="56" t="s">
        <v>190</v>
      </c>
      <c r="B21" s="4">
        <v>1153</v>
      </c>
      <c r="C21" s="4">
        <v>402</v>
      </c>
      <c r="D21" s="4">
        <v>4</v>
      </c>
      <c r="E21" s="4">
        <v>1559</v>
      </c>
      <c r="F21" s="1"/>
    </row>
    <row r="22" spans="1:6">
      <c r="A22" s="61"/>
      <c r="B22" s="5">
        <v>0.74</v>
      </c>
      <c r="C22" s="5">
        <v>0.25800000000000001</v>
      </c>
      <c r="D22" s="5">
        <v>3.0000000000000001E-3</v>
      </c>
      <c r="E22" s="5">
        <v>1</v>
      </c>
      <c r="F22" s="1"/>
    </row>
    <row r="23" spans="1:6">
      <c r="A23" s="56" t="s">
        <v>191</v>
      </c>
      <c r="B23" s="6">
        <v>711</v>
      </c>
      <c r="C23" s="6">
        <v>43</v>
      </c>
      <c r="D23" s="6">
        <v>3</v>
      </c>
      <c r="E23" s="6">
        <v>757</v>
      </c>
      <c r="F23" s="1"/>
    </row>
    <row r="24" spans="1:6">
      <c r="A24" s="61"/>
      <c r="B24" s="5">
        <v>0.93899999999999995</v>
      </c>
      <c r="C24" s="5">
        <v>5.7000000000000002E-2</v>
      </c>
      <c r="D24" s="5">
        <v>4.0000000000000001E-3</v>
      </c>
      <c r="E24" s="5">
        <v>1</v>
      </c>
      <c r="F24" s="1"/>
    </row>
    <row r="25" spans="1:6">
      <c r="A25" s="56" t="s">
        <v>29</v>
      </c>
      <c r="B25" s="4">
        <v>1864</v>
      </c>
      <c r="C25" s="4">
        <v>445</v>
      </c>
      <c r="D25" s="4">
        <v>7</v>
      </c>
      <c r="E25" s="4">
        <v>2316</v>
      </c>
      <c r="F25" s="1"/>
    </row>
    <row r="26" spans="1:6">
      <c r="A26" s="61"/>
      <c r="B26" s="5">
        <v>0.80500000000000005</v>
      </c>
      <c r="C26" s="5">
        <v>0.192</v>
      </c>
      <c r="D26" s="5">
        <v>3.0000000000000001E-3</v>
      </c>
      <c r="E26" s="5">
        <v>1</v>
      </c>
      <c r="F26" s="1"/>
    </row>
    <row r="27" spans="1:6">
      <c r="A27" s="73" t="s">
        <v>258</v>
      </c>
      <c r="B27" s="72" t="s">
        <v>252</v>
      </c>
      <c r="C27" s="72"/>
      <c r="D27" s="72"/>
      <c r="E27" s="72"/>
      <c r="F27" s="1"/>
    </row>
    <row r="28" spans="1:6" ht="28.5">
      <c r="A28" s="77"/>
      <c r="B28" s="14" t="s">
        <v>160</v>
      </c>
      <c r="C28" s="14" t="s">
        <v>161</v>
      </c>
      <c r="D28" s="14" t="s">
        <v>42</v>
      </c>
      <c r="E28" s="14" t="s">
        <v>29</v>
      </c>
      <c r="F28" s="1"/>
    </row>
    <row r="29" spans="1:6">
      <c r="A29" s="56" t="s">
        <v>190</v>
      </c>
      <c r="B29" s="4">
        <v>454</v>
      </c>
      <c r="C29" s="4">
        <v>331</v>
      </c>
      <c r="D29" s="4">
        <v>3</v>
      </c>
      <c r="E29" s="4">
        <v>788</v>
      </c>
      <c r="F29" s="1"/>
    </row>
    <row r="30" spans="1:6">
      <c r="A30" s="61"/>
      <c r="B30" s="5">
        <v>0.57599999999999996</v>
      </c>
      <c r="C30" s="5">
        <v>0.42</v>
      </c>
      <c r="D30" s="5">
        <v>4.0000000000000001E-3</v>
      </c>
      <c r="E30" s="5">
        <v>1</v>
      </c>
      <c r="F30" s="1"/>
    </row>
    <row r="31" spans="1:6">
      <c r="A31" s="56" t="s">
        <v>191</v>
      </c>
      <c r="B31" s="4">
        <v>1410</v>
      </c>
      <c r="C31" s="4">
        <v>114</v>
      </c>
      <c r="D31" s="4">
        <v>4</v>
      </c>
      <c r="E31" s="4">
        <v>1528</v>
      </c>
      <c r="F31" s="1"/>
    </row>
    <row r="32" spans="1:6">
      <c r="A32" s="61"/>
      <c r="B32" s="5">
        <v>0.92300000000000004</v>
      </c>
      <c r="C32" s="5">
        <v>7.4999999999999997E-2</v>
      </c>
      <c r="D32" s="5">
        <v>3.0000000000000001E-3</v>
      </c>
      <c r="E32" s="5">
        <v>1</v>
      </c>
      <c r="F32" s="1"/>
    </row>
    <row r="33" spans="1:6">
      <c r="A33" s="56" t="s">
        <v>29</v>
      </c>
      <c r="B33" s="4">
        <v>1864</v>
      </c>
      <c r="C33" s="4">
        <v>445</v>
      </c>
      <c r="D33" s="4">
        <v>7</v>
      </c>
      <c r="E33" s="4">
        <v>2316</v>
      </c>
      <c r="F33" s="1"/>
    </row>
    <row r="34" spans="1:6">
      <c r="A34" s="61"/>
      <c r="B34" s="5">
        <v>0.80500000000000005</v>
      </c>
      <c r="C34" s="5">
        <v>0.192</v>
      </c>
      <c r="D34" s="5">
        <v>3.0000000000000001E-3</v>
      </c>
      <c r="E34" s="5">
        <v>1</v>
      </c>
      <c r="F34" s="1"/>
    </row>
    <row r="35" spans="1:6">
      <c r="A35" s="73" t="s">
        <v>253</v>
      </c>
      <c r="B35" s="72" t="s">
        <v>252</v>
      </c>
      <c r="C35" s="72"/>
      <c r="D35" s="72"/>
      <c r="E35" s="72"/>
      <c r="F35" s="1"/>
    </row>
    <row r="36" spans="1:6" ht="28.5">
      <c r="A36" s="77"/>
      <c r="B36" s="14" t="s">
        <v>160</v>
      </c>
      <c r="C36" s="14" t="s">
        <v>161</v>
      </c>
      <c r="D36" s="14" t="s">
        <v>42</v>
      </c>
      <c r="E36" s="14" t="s">
        <v>29</v>
      </c>
      <c r="F36" s="1"/>
    </row>
    <row r="37" spans="1:6">
      <c r="A37" s="56" t="s">
        <v>190</v>
      </c>
      <c r="B37" s="4">
        <v>1801</v>
      </c>
      <c r="C37" s="4">
        <v>443</v>
      </c>
      <c r="D37" s="4">
        <v>7</v>
      </c>
      <c r="E37" s="4">
        <v>2251</v>
      </c>
      <c r="F37" s="1"/>
    </row>
    <row r="38" spans="1:6">
      <c r="A38" s="61"/>
      <c r="B38" s="5">
        <v>0.8</v>
      </c>
      <c r="C38" s="5">
        <v>0.19700000000000001</v>
      </c>
      <c r="D38" s="5">
        <v>3.0000000000000001E-3</v>
      </c>
      <c r="E38" s="5">
        <v>1</v>
      </c>
      <c r="F38" s="1"/>
    </row>
    <row r="39" spans="1:6">
      <c r="A39" s="56" t="s">
        <v>191</v>
      </c>
      <c r="B39" s="6">
        <v>63</v>
      </c>
      <c r="C39" s="6">
        <v>2</v>
      </c>
      <c r="D39" s="6">
        <v>0</v>
      </c>
      <c r="E39" s="6">
        <v>65</v>
      </c>
      <c r="F39" s="1"/>
    </row>
    <row r="40" spans="1:6">
      <c r="A40" s="61"/>
      <c r="B40" s="5">
        <v>0.96899999999999997</v>
      </c>
      <c r="C40" s="5">
        <v>3.1E-2</v>
      </c>
      <c r="D40" s="5">
        <v>0</v>
      </c>
      <c r="E40" s="5">
        <v>1</v>
      </c>
      <c r="F40" s="1"/>
    </row>
    <row r="41" spans="1:6">
      <c r="A41" s="56" t="s">
        <v>29</v>
      </c>
      <c r="B41" s="4">
        <v>1864</v>
      </c>
      <c r="C41" s="4">
        <v>445</v>
      </c>
      <c r="D41" s="4">
        <v>7</v>
      </c>
      <c r="E41" s="4">
        <v>2316</v>
      </c>
      <c r="F41" s="1"/>
    </row>
    <row r="42" spans="1:6">
      <c r="A42" s="61"/>
      <c r="B42" s="5">
        <v>0.80500000000000005</v>
      </c>
      <c r="C42" s="5">
        <v>0.192</v>
      </c>
      <c r="D42" s="5">
        <v>3.0000000000000001E-3</v>
      </c>
      <c r="E42" s="5">
        <v>1</v>
      </c>
      <c r="F42" s="1"/>
    </row>
    <row r="43" spans="1:6">
      <c r="A43" s="54" t="s">
        <v>800</v>
      </c>
      <c r="B43" s="54"/>
      <c r="C43" s="54"/>
      <c r="D43" s="54"/>
      <c r="E43" s="54"/>
      <c r="F43" s="1"/>
    </row>
    <row r="44" spans="1:6">
      <c r="A44" s="55"/>
      <c r="B44" s="55"/>
      <c r="C44" s="55"/>
      <c r="D44" s="55"/>
      <c r="E44" s="55"/>
      <c r="F44" s="1"/>
    </row>
  </sheetData>
  <mergeCells count="26">
    <mergeCell ref="A11:A12"/>
    <mergeCell ref="B11:E11"/>
    <mergeCell ref="A3:A4"/>
    <mergeCell ref="B3:E3"/>
    <mergeCell ref="A5:A6"/>
    <mergeCell ref="A7:A8"/>
    <mergeCell ref="A9:A10"/>
    <mergeCell ref="A17:A18"/>
    <mergeCell ref="A19:A20"/>
    <mergeCell ref="B19:E19"/>
    <mergeCell ref="A13:A14"/>
    <mergeCell ref="A15:A16"/>
    <mergeCell ref="A27:A28"/>
    <mergeCell ref="B27:E27"/>
    <mergeCell ref="A29:A30"/>
    <mergeCell ref="A21:A22"/>
    <mergeCell ref="A23:A24"/>
    <mergeCell ref="A25:A26"/>
    <mergeCell ref="A43:E44"/>
    <mergeCell ref="A37:A38"/>
    <mergeCell ref="A39:A40"/>
    <mergeCell ref="A41:A42"/>
    <mergeCell ref="A31:A32"/>
    <mergeCell ref="A33:A34"/>
    <mergeCell ref="A35:A36"/>
    <mergeCell ref="B35:E35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6"/>
  <sheetViews>
    <sheetView workbookViewId="0">
      <selection activeCell="A2" sqref="A2"/>
    </sheetView>
  </sheetViews>
  <sheetFormatPr defaultRowHeight="14.25"/>
  <cols>
    <col min="1" max="1" width="17.875" customWidth="1"/>
  </cols>
  <sheetData>
    <row r="1" spans="1:11">
      <c r="A1" s="1" t="s">
        <v>799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>
      <c r="A2" s="41" t="s">
        <v>812</v>
      </c>
      <c r="B2" s="1"/>
      <c r="C2" s="7"/>
      <c r="D2" s="7"/>
      <c r="E2" s="7"/>
      <c r="F2" s="1"/>
      <c r="G2" s="1"/>
      <c r="H2" s="1"/>
      <c r="I2" s="1"/>
      <c r="J2" s="1"/>
      <c r="K2" s="1"/>
    </row>
    <row r="3" spans="1:11">
      <c r="A3" s="73" t="s">
        <v>255</v>
      </c>
      <c r="B3" s="72" t="s">
        <v>252</v>
      </c>
      <c r="C3" s="72"/>
      <c r="D3" s="72"/>
      <c r="E3" s="72"/>
    </row>
    <row r="4" spans="1:11" ht="28.5">
      <c r="A4" s="77"/>
      <c r="B4" s="14" t="s">
        <v>160</v>
      </c>
      <c r="C4" s="14" t="s">
        <v>161</v>
      </c>
      <c r="D4" s="14" t="s">
        <v>42</v>
      </c>
      <c r="E4" s="14" t="s">
        <v>29</v>
      </c>
    </row>
    <row r="5" spans="1:11">
      <c r="A5" s="56" t="s">
        <v>190</v>
      </c>
      <c r="B5" s="4">
        <v>1776</v>
      </c>
      <c r="C5" s="4">
        <v>440</v>
      </c>
      <c r="D5" s="4">
        <v>7</v>
      </c>
      <c r="E5" s="4">
        <v>2223</v>
      </c>
    </row>
    <row r="6" spans="1:11">
      <c r="A6" s="61"/>
      <c r="B6" s="5">
        <v>0.79900000000000004</v>
      </c>
      <c r="C6" s="5">
        <v>0.19800000000000001</v>
      </c>
      <c r="D6" s="5">
        <v>3.0000000000000001E-3</v>
      </c>
      <c r="E6" s="5">
        <v>1</v>
      </c>
    </row>
    <row r="7" spans="1:11">
      <c r="A7" s="56" t="s">
        <v>191</v>
      </c>
      <c r="B7" s="6">
        <v>88</v>
      </c>
      <c r="C7" s="6">
        <v>5</v>
      </c>
      <c r="D7" s="6">
        <v>0</v>
      </c>
      <c r="E7" s="6">
        <v>93</v>
      </c>
    </row>
    <row r="8" spans="1:11">
      <c r="A8" s="61"/>
      <c r="B8" s="5">
        <v>0.94599999999999995</v>
      </c>
      <c r="C8" s="5">
        <v>5.3999999999999999E-2</v>
      </c>
      <c r="D8" s="5">
        <v>0</v>
      </c>
      <c r="E8" s="5">
        <v>1</v>
      </c>
    </row>
    <row r="9" spans="1:11">
      <c r="A9" s="56" t="s">
        <v>29</v>
      </c>
      <c r="B9" s="4">
        <v>1864</v>
      </c>
      <c r="C9" s="4">
        <v>445</v>
      </c>
      <c r="D9" s="4">
        <v>7</v>
      </c>
      <c r="E9" s="4">
        <v>2316</v>
      </c>
    </row>
    <row r="10" spans="1:11">
      <c r="A10" s="61"/>
      <c r="B10" s="5">
        <v>0.80500000000000005</v>
      </c>
      <c r="C10" s="5">
        <v>0.192</v>
      </c>
      <c r="D10" s="5">
        <v>3.0000000000000001E-3</v>
      </c>
      <c r="E10" s="5">
        <v>1</v>
      </c>
    </row>
    <row r="11" spans="1:11">
      <c r="A11" s="73" t="s">
        <v>257</v>
      </c>
      <c r="B11" s="72" t="s">
        <v>252</v>
      </c>
      <c r="C11" s="72"/>
      <c r="D11" s="72"/>
      <c r="E11" s="72"/>
    </row>
    <row r="12" spans="1:11" ht="28.5">
      <c r="A12" s="77"/>
      <c r="B12" s="14" t="s">
        <v>160</v>
      </c>
      <c r="C12" s="14" t="s">
        <v>161</v>
      </c>
      <c r="D12" s="14" t="s">
        <v>42</v>
      </c>
      <c r="E12" s="14" t="s">
        <v>29</v>
      </c>
    </row>
    <row r="13" spans="1:11">
      <c r="A13" s="56" t="s">
        <v>190</v>
      </c>
      <c r="B13" s="4">
        <v>1776</v>
      </c>
      <c r="C13" s="4">
        <v>419</v>
      </c>
      <c r="D13" s="4">
        <v>7</v>
      </c>
      <c r="E13" s="4">
        <v>2202</v>
      </c>
    </row>
    <row r="14" spans="1:11">
      <c r="A14" s="61"/>
      <c r="B14" s="5">
        <v>0.80700000000000005</v>
      </c>
      <c r="C14" s="5">
        <v>0.19</v>
      </c>
      <c r="D14" s="5">
        <v>3.0000000000000001E-3</v>
      </c>
      <c r="E14" s="5">
        <v>1</v>
      </c>
    </row>
    <row r="15" spans="1:11">
      <c r="A15" s="56" t="s">
        <v>191</v>
      </c>
      <c r="B15" s="6">
        <v>88</v>
      </c>
      <c r="C15" s="6">
        <v>26</v>
      </c>
      <c r="D15" s="6">
        <v>0</v>
      </c>
      <c r="E15" s="6">
        <v>114</v>
      </c>
    </row>
    <row r="16" spans="1:11">
      <c r="A16" s="61"/>
      <c r="B16" s="5">
        <v>0.77200000000000002</v>
      </c>
      <c r="C16" s="5">
        <v>0.22800000000000001</v>
      </c>
      <c r="D16" s="5">
        <v>0</v>
      </c>
      <c r="E16" s="5">
        <v>1</v>
      </c>
    </row>
    <row r="17" spans="1:5">
      <c r="A17" s="56" t="s">
        <v>29</v>
      </c>
      <c r="B17" s="4">
        <v>1864</v>
      </c>
      <c r="C17" s="4">
        <v>445</v>
      </c>
      <c r="D17" s="4">
        <v>7</v>
      </c>
      <c r="E17" s="4">
        <v>2316</v>
      </c>
    </row>
    <row r="18" spans="1:5">
      <c r="A18" s="61"/>
      <c r="B18" s="5">
        <v>0.80500000000000005</v>
      </c>
      <c r="C18" s="5">
        <v>0.192</v>
      </c>
      <c r="D18" s="5">
        <v>3.0000000000000001E-3</v>
      </c>
      <c r="E18" s="5">
        <v>1</v>
      </c>
    </row>
    <row r="19" spans="1:5">
      <c r="A19" s="73" t="s">
        <v>259</v>
      </c>
      <c r="B19" s="72" t="s">
        <v>252</v>
      </c>
      <c r="C19" s="72"/>
      <c r="D19" s="72"/>
      <c r="E19" s="72"/>
    </row>
    <row r="20" spans="1:5" ht="28.5">
      <c r="A20" s="77"/>
      <c r="B20" s="14" t="s">
        <v>160</v>
      </c>
      <c r="C20" s="14" t="s">
        <v>161</v>
      </c>
      <c r="D20" s="14" t="s">
        <v>42</v>
      </c>
      <c r="E20" s="14" t="s">
        <v>29</v>
      </c>
    </row>
    <row r="21" spans="1:5">
      <c r="A21" s="56" t="s">
        <v>190</v>
      </c>
      <c r="B21" s="4">
        <v>1858</v>
      </c>
      <c r="C21" s="4">
        <v>445</v>
      </c>
      <c r="D21" s="4">
        <v>7</v>
      </c>
      <c r="E21" s="4">
        <v>2310</v>
      </c>
    </row>
    <row r="22" spans="1:5">
      <c r="A22" s="61"/>
      <c r="B22" s="5">
        <v>0.80400000000000005</v>
      </c>
      <c r="C22" s="5">
        <v>0.193</v>
      </c>
      <c r="D22" s="5">
        <v>3.0000000000000001E-3</v>
      </c>
      <c r="E22" s="5">
        <v>1</v>
      </c>
    </row>
    <row r="23" spans="1:5">
      <c r="A23" s="56" t="s">
        <v>191</v>
      </c>
      <c r="B23" s="6">
        <v>6</v>
      </c>
      <c r="C23" s="6">
        <v>0</v>
      </c>
      <c r="D23" s="6">
        <v>0</v>
      </c>
      <c r="E23" s="6">
        <v>6</v>
      </c>
    </row>
    <row r="24" spans="1:5">
      <c r="A24" s="61"/>
      <c r="B24" s="5">
        <v>1</v>
      </c>
      <c r="C24" s="5">
        <v>0</v>
      </c>
      <c r="D24" s="5">
        <v>0</v>
      </c>
      <c r="E24" s="5">
        <v>1</v>
      </c>
    </row>
    <row r="25" spans="1:5">
      <c r="A25" s="56" t="s">
        <v>29</v>
      </c>
      <c r="B25" s="4">
        <v>1864</v>
      </c>
      <c r="C25" s="4">
        <v>445</v>
      </c>
      <c r="D25" s="4">
        <v>7</v>
      </c>
      <c r="E25" s="4">
        <v>2316</v>
      </c>
    </row>
    <row r="26" spans="1:5">
      <c r="A26" s="61"/>
      <c r="B26" s="5">
        <v>0.80500000000000005</v>
      </c>
      <c r="C26" s="5">
        <v>0.192</v>
      </c>
      <c r="D26" s="5">
        <v>3.0000000000000001E-3</v>
      </c>
      <c r="E26" s="5">
        <v>1</v>
      </c>
    </row>
    <row r="27" spans="1:5">
      <c r="A27" s="73" t="s">
        <v>260</v>
      </c>
      <c r="B27" s="72" t="s">
        <v>252</v>
      </c>
      <c r="C27" s="72"/>
      <c r="D27" s="72"/>
      <c r="E27" s="72"/>
    </row>
    <row r="28" spans="1:5" ht="28.5">
      <c r="A28" s="77"/>
      <c r="B28" s="14" t="s">
        <v>160</v>
      </c>
      <c r="C28" s="14" t="s">
        <v>161</v>
      </c>
      <c r="D28" s="14" t="s">
        <v>42</v>
      </c>
      <c r="E28" s="14" t="s">
        <v>29</v>
      </c>
    </row>
    <row r="29" spans="1:5">
      <c r="A29" s="56" t="s">
        <v>190</v>
      </c>
      <c r="B29" s="4">
        <v>1831</v>
      </c>
      <c r="C29" s="4">
        <v>434</v>
      </c>
      <c r="D29" s="4">
        <v>7</v>
      </c>
      <c r="E29" s="4">
        <v>2272</v>
      </c>
    </row>
    <row r="30" spans="1:5">
      <c r="A30" s="61"/>
      <c r="B30" s="5">
        <v>0.80600000000000005</v>
      </c>
      <c r="C30" s="5">
        <v>0.191</v>
      </c>
      <c r="D30" s="5">
        <v>3.0000000000000001E-3</v>
      </c>
      <c r="E30" s="5">
        <v>1</v>
      </c>
    </row>
    <row r="31" spans="1:5">
      <c r="A31" s="56" t="s">
        <v>191</v>
      </c>
      <c r="B31" s="6">
        <v>33</v>
      </c>
      <c r="C31" s="6">
        <v>11</v>
      </c>
      <c r="D31" s="6">
        <v>0</v>
      </c>
      <c r="E31" s="6">
        <v>44</v>
      </c>
    </row>
    <row r="32" spans="1:5">
      <c r="A32" s="61"/>
      <c r="B32" s="5">
        <v>0.75</v>
      </c>
      <c r="C32" s="5">
        <v>0.25</v>
      </c>
      <c r="D32" s="5">
        <v>0</v>
      </c>
      <c r="E32" s="5">
        <v>1</v>
      </c>
    </row>
    <row r="33" spans="1:5">
      <c r="A33" s="56" t="s">
        <v>29</v>
      </c>
      <c r="B33" s="4">
        <v>1864</v>
      </c>
      <c r="C33" s="4">
        <v>445</v>
      </c>
      <c r="D33" s="4">
        <v>7</v>
      </c>
      <c r="E33" s="4">
        <v>2316</v>
      </c>
    </row>
    <row r="34" spans="1:5">
      <c r="A34" s="61"/>
      <c r="B34" s="5">
        <v>0.80500000000000005</v>
      </c>
      <c r="C34" s="5">
        <v>0.192</v>
      </c>
      <c r="D34" s="5">
        <v>3.0000000000000001E-3</v>
      </c>
      <c r="E34" s="5">
        <v>1</v>
      </c>
    </row>
    <row r="35" spans="1:5">
      <c r="A35" s="54" t="s">
        <v>800</v>
      </c>
      <c r="B35" s="54"/>
      <c r="C35" s="54"/>
      <c r="D35" s="54"/>
      <c r="E35" s="54"/>
    </row>
    <row r="36" spans="1:5">
      <c r="A36" s="55"/>
      <c r="B36" s="55"/>
      <c r="C36" s="55"/>
      <c r="D36" s="55"/>
      <c r="E36" s="55"/>
    </row>
  </sheetData>
  <mergeCells count="21">
    <mergeCell ref="B3:E3"/>
    <mergeCell ref="A5:A6"/>
    <mergeCell ref="A7:A8"/>
    <mergeCell ref="A9:A10"/>
    <mergeCell ref="A3:A4"/>
    <mergeCell ref="B11:E11"/>
    <mergeCell ref="A13:A14"/>
    <mergeCell ref="A25:A26"/>
    <mergeCell ref="A15:A16"/>
    <mergeCell ref="A17:A18"/>
    <mergeCell ref="A19:A20"/>
    <mergeCell ref="B19:E19"/>
    <mergeCell ref="A21:A22"/>
    <mergeCell ref="A11:A12"/>
    <mergeCell ref="A23:A24"/>
    <mergeCell ref="A33:A34"/>
    <mergeCell ref="A35:E36"/>
    <mergeCell ref="A27:A28"/>
    <mergeCell ref="B27:E27"/>
    <mergeCell ref="A29:A30"/>
    <mergeCell ref="A31:A3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4"/>
  <sheetViews>
    <sheetView workbookViewId="0">
      <selection activeCell="A2" sqref="A2"/>
    </sheetView>
  </sheetViews>
  <sheetFormatPr defaultRowHeight="14.25"/>
  <cols>
    <col min="1" max="1" width="17.875" customWidth="1"/>
  </cols>
  <sheetData>
    <row r="1" spans="1:6">
      <c r="A1" s="1" t="s">
        <v>802</v>
      </c>
      <c r="B1" s="1"/>
      <c r="C1" s="1"/>
      <c r="D1" s="1"/>
      <c r="E1" s="1"/>
      <c r="F1" s="1"/>
    </row>
    <row r="2" spans="1:6">
      <c r="A2" s="41" t="s">
        <v>812</v>
      </c>
      <c r="B2" s="1"/>
      <c r="C2" s="7"/>
      <c r="D2" s="7"/>
      <c r="E2" s="7"/>
      <c r="F2" s="1"/>
    </row>
    <row r="3" spans="1:6">
      <c r="A3" s="73" t="s">
        <v>251</v>
      </c>
      <c r="B3" s="72" t="s">
        <v>261</v>
      </c>
      <c r="C3" s="72"/>
      <c r="D3" s="72"/>
      <c r="E3" s="72"/>
      <c r="F3" s="2"/>
    </row>
    <row r="4" spans="1:6" ht="29.25" customHeight="1">
      <c r="A4" s="77"/>
      <c r="B4" s="38" t="s">
        <v>153</v>
      </c>
      <c r="C4" s="39" t="s">
        <v>155</v>
      </c>
      <c r="D4" s="14" t="s">
        <v>42</v>
      </c>
      <c r="E4" s="14" t="s">
        <v>29</v>
      </c>
      <c r="F4" s="1"/>
    </row>
    <row r="5" spans="1:6">
      <c r="A5" s="56" t="s">
        <v>190</v>
      </c>
      <c r="B5" s="4">
        <v>1366</v>
      </c>
      <c r="C5" s="4">
        <v>320</v>
      </c>
      <c r="D5" s="4">
        <v>94</v>
      </c>
      <c r="E5" s="4">
        <v>1780</v>
      </c>
      <c r="F5" s="1"/>
    </row>
    <row r="6" spans="1:6">
      <c r="A6" s="61"/>
      <c r="B6" s="5">
        <v>0.76700000000000002</v>
      </c>
      <c r="C6" s="5">
        <v>0.18</v>
      </c>
      <c r="D6" s="5">
        <v>5.2999999999999999E-2</v>
      </c>
      <c r="E6" s="5">
        <v>1</v>
      </c>
      <c r="F6" s="1"/>
    </row>
    <row r="7" spans="1:6">
      <c r="A7" s="56" t="s">
        <v>191</v>
      </c>
      <c r="B7" s="6">
        <v>29</v>
      </c>
      <c r="C7" s="6">
        <v>49</v>
      </c>
      <c r="D7" s="6">
        <v>6</v>
      </c>
      <c r="E7" s="6">
        <v>84</v>
      </c>
      <c r="F7" s="1"/>
    </row>
    <row r="8" spans="1:6">
      <c r="A8" s="61"/>
      <c r="B8" s="5">
        <v>0.34499999999999997</v>
      </c>
      <c r="C8" s="5">
        <v>0.58299999999999996</v>
      </c>
      <c r="D8" s="5">
        <v>7.0999999999999994E-2</v>
      </c>
      <c r="E8" s="5">
        <v>1</v>
      </c>
      <c r="F8" s="1"/>
    </row>
    <row r="9" spans="1:6">
      <c r="A9" s="56" t="s">
        <v>29</v>
      </c>
      <c r="B9" s="4">
        <v>1395</v>
      </c>
      <c r="C9" s="4">
        <v>369</v>
      </c>
      <c r="D9" s="4">
        <v>100</v>
      </c>
      <c r="E9" s="4">
        <v>1864</v>
      </c>
      <c r="F9" s="1"/>
    </row>
    <row r="10" spans="1:6">
      <c r="A10" s="61"/>
      <c r="B10" s="5">
        <v>0.748</v>
      </c>
      <c r="C10" s="5">
        <v>0.19800000000000001</v>
      </c>
      <c r="D10" s="5">
        <v>5.3999999999999999E-2</v>
      </c>
      <c r="E10" s="5">
        <v>1</v>
      </c>
      <c r="F10" s="1"/>
    </row>
    <row r="11" spans="1:6">
      <c r="A11" s="73" t="s">
        <v>254</v>
      </c>
      <c r="B11" s="72" t="s">
        <v>261</v>
      </c>
      <c r="C11" s="72"/>
      <c r="D11" s="72"/>
      <c r="E11" s="72"/>
      <c r="F11" s="1"/>
    </row>
    <row r="12" spans="1:6">
      <c r="A12" s="77"/>
      <c r="B12" s="38" t="s">
        <v>153</v>
      </c>
      <c r="C12" s="39" t="s">
        <v>155</v>
      </c>
      <c r="D12" s="14" t="s">
        <v>42</v>
      </c>
      <c r="E12" s="14" t="s">
        <v>29</v>
      </c>
      <c r="F12" s="1"/>
    </row>
    <row r="13" spans="1:6">
      <c r="A13" s="56" t="s">
        <v>190</v>
      </c>
      <c r="B13" s="4">
        <v>158</v>
      </c>
      <c r="C13" s="4">
        <v>101</v>
      </c>
      <c r="D13" s="4">
        <v>24</v>
      </c>
      <c r="E13" s="4">
        <v>283</v>
      </c>
      <c r="F13" s="1"/>
    </row>
    <row r="14" spans="1:6">
      <c r="A14" s="61"/>
      <c r="B14" s="5">
        <v>0.55800000000000005</v>
      </c>
      <c r="C14" s="5">
        <v>0.35699999999999998</v>
      </c>
      <c r="D14" s="5">
        <v>8.5000000000000006E-2</v>
      </c>
      <c r="E14" s="5">
        <v>1</v>
      </c>
      <c r="F14" s="1"/>
    </row>
    <row r="15" spans="1:6">
      <c r="A15" s="56" t="s">
        <v>191</v>
      </c>
      <c r="B15" s="4">
        <v>1237</v>
      </c>
      <c r="C15" s="4">
        <v>268</v>
      </c>
      <c r="D15" s="4">
        <v>76</v>
      </c>
      <c r="E15" s="4">
        <v>1581</v>
      </c>
      <c r="F15" s="1"/>
    </row>
    <row r="16" spans="1:6">
      <c r="A16" s="61"/>
      <c r="B16" s="5">
        <v>0.78200000000000003</v>
      </c>
      <c r="C16" s="5">
        <v>0.17</v>
      </c>
      <c r="D16" s="5">
        <v>4.8000000000000001E-2</v>
      </c>
      <c r="E16" s="5">
        <v>1</v>
      </c>
      <c r="F16" s="1"/>
    </row>
    <row r="17" spans="1:6">
      <c r="A17" s="56" t="s">
        <v>29</v>
      </c>
      <c r="B17" s="4">
        <v>1395</v>
      </c>
      <c r="C17" s="4">
        <v>369</v>
      </c>
      <c r="D17" s="4">
        <v>100</v>
      </c>
      <c r="E17" s="4">
        <v>1864</v>
      </c>
      <c r="F17" s="1"/>
    </row>
    <row r="18" spans="1:6">
      <c r="A18" s="61"/>
      <c r="B18" s="5">
        <v>0.748</v>
      </c>
      <c r="C18" s="5">
        <v>0.19800000000000001</v>
      </c>
      <c r="D18" s="5">
        <v>5.3999999999999999E-2</v>
      </c>
      <c r="E18" s="5">
        <v>1</v>
      </c>
      <c r="F18" s="1"/>
    </row>
    <row r="19" spans="1:6">
      <c r="A19" s="73" t="s">
        <v>256</v>
      </c>
      <c r="B19" s="72" t="s">
        <v>261</v>
      </c>
      <c r="C19" s="72"/>
      <c r="D19" s="72"/>
      <c r="E19" s="72"/>
      <c r="F19" s="1"/>
    </row>
    <row r="20" spans="1:6">
      <c r="A20" s="77"/>
      <c r="B20" s="38" t="s">
        <v>153</v>
      </c>
      <c r="C20" s="39" t="s">
        <v>155</v>
      </c>
      <c r="D20" s="14" t="s">
        <v>42</v>
      </c>
      <c r="E20" s="14" t="s">
        <v>29</v>
      </c>
      <c r="F20" s="1"/>
    </row>
    <row r="21" spans="1:6">
      <c r="A21" s="56" t="s">
        <v>190</v>
      </c>
      <c r="B21" s="4">
        <v>817</v>
      </c>
      <c r="C21" s="4">
        <v>268</v>
      </c>
      <c r="D21" s="4">
        <v>68</v>
      </c>
      <c r="E21" s="4">
        <v>1153</v>
      </c>
      <c r="F21" s="1"/>
    </row>
    <row r="22" spans="1:6">
      <c r="A22" s="61"/>
      <c r="B22" s="5">
        <v>0.70899999999999996</v>
      </c>
      <c r="C22" s="5">
        <v>0.23200000000000001</v>
      </c>
      <c r="D22" s="5">
        <v>5.8999999999999997E-2</v>
      </c>
      <c r="E22" s="5">
        <v>1</v>
      </c>
      <c r="F22" s="1"/>
    </row>
    <row r="23" spans="1:6">
      <c r="A23" s="56" t="s">
        <v>191</v>
      </c>
      <c r="B23" s="6">
        <v>578</v>
      </c>
      <c r="C23" s="6">
        <v>101</v>
      </c>
      <c r="D23" s="6">
        <v>32</v>
      </c>
      <c r="E23" s="6">
        <v>711</v>
      </c>
      <c r="F23" s="1"/>
    </row>
    <row r="24" spans="1:6">
      <c r="A24" s="61"/>
      <c r="B24" s="5">
        <v>0.81299999999999994</v>
      </c>
      <c r="C24" s="5">
        <v>0.14199999999999999</v>
      </c>
      <c r="D24" s="5">
        <v>4.4999999999999998E-2</v>
      </c>
      <c r="E24" s="5">
        <v>1</v>
      </c>
      <c r="F24" s="1"/>
    </row>
    <row r="25" spans="1:6">
      <c r="A25" s="56" t="s">
        <v>29</v>
      </c>
      <c r="B25" s="4">
        <v>1395</v>
      </c>
      <c r="C25" s="4">
        <v>369</v>
      </c>
      <c r="D25" s="4">
        <v>100</v>
      </c>
      <c r="E25" s="4">
        <v>1864</v>
      </c>
      <c r="F25" s="1"/>
    </row>
    <row r="26" spans="1:6">
      <c r="A26" s="61"/>
      <c r="B26" s="5">
        <v>0.748</v>
      </c>
      <c r="C26" s="5">
        <v>0.19800000000000001</v>
      </c>
      <c r="D26" s="5">
        <v>5.3999999999999999E-2</v>
      </c>
      <c r="E26" s="5">
        <v>1</v>
      </c>
      <c r="F26" s="1"/>
    </row>
    <row r="27" spans="1:6">
      <c r="A27" s="73" t="s">
        <v>258</v>
      </c>
      <c r="B27" s="72" t="s">
        <v>261</v>
      </c>
      <c r="C27" s="72"/>
      <c r="D27" s="72"/>
      <c r="E27" s="72"/>
      <c r="F27" s="1"/>
    </row>
    <row r="28" spans="1:6">
      <c r="A28" s="77"/>
      <c r="B28" s="38" t="s">
        <v>153</v>
      </c>
      <c r="C28" s="39" t="s">
        <v>155</v>
      </c>
      <c r="D28" s="14" t="s">
        <v>42</v>
      </c>
      <c r="E28" s="14" t="s">
        <v>29</v>
      </c>
      <c r="F28" s="1"/>
    </row>
    <row r="29" spans="1:6">
      <c r="A29" s="56" t="s">
        <v>190</v>
      </c>
      <c r="B29" s="4">
        <v>265</v>
      </c>
      <c r="C29" s="4">
        <v>154</v>
      </c>
      <c r="D29" s="4">
        <v>35</v>
      </c>
      <c r="E29" s="4">
        <v>454</v>
      </c>
      <c r="F29" s="1"/>
    </row>
    <row r="30" spans="1:6">
      <c r="A30" s="61"/>
      <c r="B30" s="5">
        <v>0.58399999999999996</v>
      </c>
      <c r="C30" s="5">
        <v>0.33900000000000002</v>
      </c>
      <c r="D30" s="5">
        <v>7.6999999999999999E-2</v>
      </c>
      <c r="E30" s="5">
        <v>1</v>
      </c>
      <c r="F30" s="1"/>
    </row>
    <row r="31" spans="1:6">
      <c r="A31" s="56" t="s">
        <v>191</v>
      </c>
      <c r="B31" s="4">
        <v>1130</v>
      </c>
      <c r="C31" s="4">
        <v>215</v>
      </c>
      <c r="D31" s="4">
        <v>65</v>
      </c>
      <c r="E31" s="4">
        <v>1410</v>
      </c>
      <c r="F31" s="1"/>
    </row>
    <row r="32" spans="1:6">
      <c r="A32" s="61"/>
      <c r="B32" s="5">
        <v>0.80100000000000005</v>
      </c>
      <c r="C32" s="5">
        <v>0.152</v>
      </c>
      <c r="D32" s="5">
        <v>4.5999999999999999E-2</v>
      </c>
      <c r="E32" s="5">
        <v>1</v>
      </c>
      <c r="F32" s="1"/>
    </row>
    <row r="33" spans="1:6">
      <c r="A33" s="56" t="s">
        <v>29</v>
      </c>
      <c r="B33" s="4">
        <v>1395</v>
      </c>
      <c r="C33" s="4">
        <v>369</v>
      </c>
      <c r="D33" s="4">
        <v>100</v>
      </c>
      <c r="E33" s="4">
        <v>1864</v>
      </c>
      <c r="F33" s="1"/>
    </row>
    <row r="34" spans="1:6">
      <c r="A34" s="61"/>
      <c r="B34" s="5">
        <v>0.748</v>
      </c>
      <c r="C34" s="5">
        <v>0.19800000000000001</v>
      </c>
      <c r="D34" s="5">
        <v>5.3999999999999999E-2</v>
      </c>
      <c r="E34" s="5">
        <v>1</v>
      </c>
      <c r="F34" s="1"/>
    </row>
    <row r="35" spans="1:6">
      <c r="A35" s="73" t="s">
        <v>253</v>
      </c>
      <c r="B35" s="72" t="s">
        <v>261</v>
      </c>
      <c r="C35" s="72"/>
      <c r="D35" s="72"/>
      <c r="E35" s="72"/>
      <c r="F35" s="1"/>
    </row>
    <row r="36" spans="1:6">
      <c r="A36" s="77"/>
      <c r="B36" s="38" t="s">
        <v>153</v>
      </c>
      <c r="C36" s="39" t="s">
        <v>155</v>
      </c>
      <c r="D36" s="14" t="s">
        <v>42</v>
      </c>
      <c r="E36" s="14" t="s">
        <v>29</v>
      </c>
      <c r="F36" s="1"/>
    </row>
    <row r="37" spans="1:6">
      <c r="A37" s="56" t="s">
        <v>190</v>
      </c>
      <c r="B37" s="4">
        <v>1342</v>
      </c>
      <c r="C37" s="4">
        <v>362</v>
      </c>
      <c r="D37" s="4">
        <v>97</v>
      </c>
      <c r="E37" s="4">
        <v>1801</v>
      </c>
      <c r="F37" s="1"/>
    </row>
    <row r="38" spans="1:6">
      <c r="A38" s="61"/>
      <c r="B38" s="5">
        <v>0.745</v>
      </c>
      <c r="C38" s="5">
        <v>0.20100000000000001</v>
      </c>
      <c r="D38" s="5">
        <v>5.3999999999999999E-2</v>
      </c>
      <c r="E38" s="5">
        <v>1</v>
      </c>
      <c r="F38" s="1"/>
    </row>
    <row r="39" spans="1:6">
      <c r="A39" s="56" t="s">
        <v>191</v>
      </c>
      <c r="B39" s="6">
        <v>53</v>
      </c>
      <c r="C39" s="6">
        <v>7</v>
      </c>
      <c r="D39" s="6">
        <v>3</v>
      </c>
      <c r="E39" s="6">
        <v>63</v>
      </c>
      <c r="F39" s="1"/>
    </row>
    <row r="40" spans="1:6">
      <c r="A40" s="61"/>
      <c r="B40" s="5">
        <v>0.84099999999999997</v>
      </c>
      <c r="C40" s="5">
        <v>0.111</v>
      </c>
      <c r="D40" s="5">
        <v>4.8000000000000001E-2</v>
      </c>
      <c r="E40" s="5">
        <v>1</v>
      </c>
      <c r="F40" s="1"/>
    </row>
    <row r="41" spans="1:6">
      <c r="A41" s="56" t="s">
        <v>29</v>
      </c>
      <c r="B41" s="4">
        <v>1395</v>
      </c>
      <c r="C41" s="4">
        <v>369</v>
      </c>
      <c r="D41" s="4">
        <v>100</v>
      </c>
      <c r="E41" s="4">
        <v>1864</v>
      </c>
      <c r="F41" s="1"/>
    </row>
    <row r="42" spans="1:6">
      <c r="A42" s="61"/>
      <c r="B42" s="5">
        <v>0.748</v>
      </c>
      <c r="C42" s="5">
        <v>0.19800000000000001</v>
      </c>
      <c r="D42" s="5">
        <v>5.3999999999999999E-2</v>
      </c>
      <c r="E42" s="5">
        <v>1</v>
      </c>
      <c r="F42" s="1"/>
    </row>
    <row r="43" spans="1:6">
      <c r="A43" s="54" t="s">
        <v>803</v>
      </c>
      <c r="B43" s="54"/>
      <c r="C43" s="54"/>
      <c r="D43" s="54"/>
      <c r="E43" s="54"/>
      <c r="F43" s="1"/>
    </row>
    <row r="44" spans="1:6">
      <c r="A44" s="55"/>
      <c r="B44" s="55"/>
      <c r="C44" s="55"/>
      <c r="D44" s="55"/>
      <c r="E44" s="55"/>
      <c r="F44" s="1"/>
    </row>
  </sheetData>
  <mergeCells count="26">
    <mergeCell ref="A11:A12"/>
    <mergeCell ref="B11:E11"/>
    <mergeCell ref="A3:A4"/>
    <mergeCell ref="B3:E3"/>
    <mergeCell ref="A5:A6"/>
    <mergeCell ref="A7:A8"/>
    <mergeCell ref="A9:A10"/>
    <mergeCell ref="A17:A18"/>
    <mergeCell ref="A19:A20"/>
    <mergeCell ref="B19:E19"/>
    <mergeCell ref="A13:A14"/>
    <mergeCell ref="A15:A16"/>
    <mergeCell ref="A27:A28"/>
    <mergeCell ref="B27:E27"/>
    <mergeCell ref="A29:A30"/>
    <mergeCell ref="A21:A22"/>
    <mergeCell ref="A23:A24"/>
    <mergeCell ref="A25:A26"/>
    <mergeCell ref="A43:E44"/>
    <mergeCell ref="A37:A38"/>
    <mergeCell ref="A39:A40"/>
    <mergeCell ref="A41:A42"/>
    <mergeCell ref="A31:A32"/>
    <mergeCell ref="A33:A34"/>
    <mergeCell ref="A35:A36"/>
    <mergeCell ref="B35:E35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6"/>
  <sheetViews>
    <sheetView workbookViewId="0">
      <selection activeCell="A2" sqref="A2"/>
    </sheetView>
  </sheetViews>
  <sheetFormatPr defaultRowHeight="14.25"/>
  <cols>
    <col min="1" max="1" width="17.875" customWidth="1"/>
    <col min="7" max="7" width="17.875" customWidth="1"/>
  </cols>
  <sheetData>
    <row r="1" spans="1:11">
      <c r="A1" s="1" t="s">
        <v>801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>
      <c r="A2" s="41" t="s">
        <v>812</v>
      </c>
      <c r="B2" s="1"/>
      <c r="C2" s="7"/>
      <c r="D2" s="7"/>
      <c r="E2" s="7"/>
      <c r="F2" s="1"/>
      <c r="G2" s="1"/>
      <c r="H2" s="1"/>
      <c r="I2" s="1"/>
      <c r="J2" s="1"/>
      <c r="K2" s="1"/>
    </row>
    <row r="3" spans="1:11">
      <c r="A3" s="73" t="s">
        <v>255</v>
      </c>
      <c r="B3" s="72" t="s">
        <v>261</v>
      </c>
      <c r="C3" s="72"/>
      <c r="D3" s="72"/>
      <c r="E3" s="72"/>
    </row>
    <row r="4" spans="1:11">
      <c r="A4" s="77"/>
      <c r="B4" s="38" t="s">
        <v>153</v>
      </c>
      <c r="C4" s="39" t="s">
        <v>155</v>
      </c>
      <c r="D4" s="14" t="s">
        <v>42</v>
      </c>
      <c r="E4" s="14" t="s">
        <v>29</v>
      </c>
    </row>
    <row r="5" spans="1:11">
      <c r="A5" s="56" t="s">
        <v>190</v>
      </c>
      <c r="B5" s="4">
        <v>1324</v>
      </c>
      <c r="C5" s="4">
        <v>360</v>
      </c>
      <c r="D5" s="4">
        <v>92</v>
      </c>
      <c r="E5" s="4">
        <v>1776</v>
      </c>
    </row>
    <row r="6" spans="1:11">
      <c r="A6" s="61"/>
      <c r="B6" s="5">
        <v>0.745</v>
      </c>
      <c r="C6" s="5">
        <v>0.20300000000000001</v>
      </c>
      <c r="D6" s="5">
        <v>5.1999999999999998E-2</v>
      </c>
      <c r="E6" s="5">
        <v>1</v>
      </c>
    </row>
    <row r="7" spans="1:11">
      <c r="A7" s="56" t="s">
        <v>191</v>
      </c>
      <c r="B7" s="6">
        <v>71</v>
      </c>
      <c r="C7" s="6">
        <v>9</v>
      </c>
      <c r="D7" s="6">
        <v>8</v>
      </c>
      <c r="E7" s="6">
        <v>88</v>
      </c>
    </row>
    <row r="8" spans="1:11">
      <c r="A8" s="61"/>
      <c r="B8" s="5">
        <v>0.80700000000000005</v>
      </c>
      <c r="C8" s="5">
        <v>0.10199999999999999</v>
      </c>
      <c r="D8" s="5">
        <v>9.0999999999999998E-2</v>
      </c>
      <c r="E8" s="5">
        <v>1</v>
      </c>
    </row>
    <row r="9" spans="1:11">
      <c r="A9" s="56" t="s">
        <v>29</v>
      </c>
      <c r="B9" s="4">
        <v>1395</v>
      </c>
      <c r="C9" s="4">
        <v>369</v>
      </c>
      <c r="D9" s="4">
        <v>100</v>
      </c>
      <c r="E9" s="4">
        <v>1864</v>
      </c>
    </row>
    <row r="10" spans="1:11">
      <c r="A10" s="61"/>
      <c r="B10" s="5">
        <v>0.748</v>
      </c>
      <c r="C10" s="5">
        <v>0.19800000000000001</v>
      </c>
      <c r="D10" s="5">
        <v>5.3999999999999999E-2</v>
      </c>
      <c r="E10" s="5">
        <v>1</v>
      </c>
    </row>
    <row r="11" spans="1:11">
      <c r="A11" s="73" t="s">
        <v>257</v>
      </c>
      <c r="B11" s="72" t="s">
        <v>261</v>
      </c>
      <c r="C11" s="72"/>
      <c r="D11" s="72"/>
      <c r="E11" s="72"/>
    </row>
    <row r="12" spans="1:11">
      <c r="A12" s="77"/>
      <c r="B12" s="38" t="s">
        <v>153</v>
      </c>
      <c r="C12" s="39" t="s">
        <v>155</v>
      </c>
      <c r="D12" s="14" t="s">
        <v>42</v>
      </c>
      <c r="E12" s="14" t="s">
        <v>29</v>
      </c>
    </row>
    <row r="13" spans="1:11">
      <c r="A13" s="56" t="s">
        <v>190</v>
      </c>
      <c r="B13" s="4">
        <v>1337</v>
      </c>
      <c r="C13" s="4">
        <v>346</v>
      </c>
      <c r="D13" s="4">
        <v>93</v>
      </c>
      <c r="E13" s="4">
        <v>1776</v>
      </c>
    </row>
    <row r="14" spans="1:11">
      <c r="A14" s="61"/>
      <c r="B14" s="5">
        <v>0.753</v>
      </c>
      <c r="C14" s="5">
        <v>0.19500000000000001</v>
      </c>
      <c r="D14" s="5">
        <v>5.1999999999999998E-2</v>
      </c>
      <c r="E14" s="5">
        <v>1</v>
      </c>
    </row>
    <row r="15" spans="1:11">
      <c r="A15" s="56" t="s">
        <v>191</v>
      </c>
      <c r="B15" s="6">
        <v>58</v>
      </c>
      <c r="C15" s="6">
        <v>23</v>
      </c>
      <c r="D15" s="6">
        <v>7</v>
      </c>
      <c r="E15" s="6">
        <v>88</v>
      </c>
    </row>
    <row r="16" spans="1:11">
      <c r="A16" s="61"/>
      <c r="B16" s="5">
        <v>0.65900000000000003</v>
      </c>
      <c r="C16" s="5">
        <v>0.26100000000000001</v>
      </c>
      <c r="D16" s="5">
        <v>0.08</v>
      </c>
      <c r="E16" s="5">
        <v>1</v>
      </c>
    </row>
    <row r="17" spans="1:5">
      <c r="A17" s="56" t="s">
        <v>29</v>
      </c>
      <c r="B17" s="4">
        <v>1395</v>
      </c>
      <c r="C17" s="4">
        <v>369</v>
      </c>
      <c r="D17" s="4">
        <v>100</v>
      </c>
      <c r="E17" s="4">
        <v>1864</v>
      </c>
    </row>
    <row r="18" spans="1:5">
      <c r="A18" s="61"/>
      <c r="B18" s="5">
        <v>0.748</v>
      </c>
      <c r="C18" s="5">
        <v>0.19800000000000001</v>
      </c>
      <c r="D18" s="5">
        <v>5.3999999999999999E-2</v>
      </c>
      <c r="E18" s="5">
        <v>1</v>
      </c>
    </row>
    <row r="19" spans="1:5">
      <c r="A19" s="73" t="s">
        <v>259</v>
      </c>
      <c r="B19" s="72" t="s">
        <v>261</v>
      </c>
      <c r="C19" s="72"/>
      <c r="D19" s="72"/>
      <c r="E19" s="72"/>
    </row>
    <row r="20" spans="1:5">
      <c r="A20" s="77"/>
      <c r="B20" s="38" t="s">
        <v>153</v>
      </c>
      <c r="C20" s="39" t="s">
        <v>155</v>
      </c>
      <c r="D20" s="14" t="s">
        <v>42</v>
      </c>
      <c r="E20" s="14" t="s">
        <v>29</v>
      </c>
    </row>
    <row r="21" spans="1:5">
      <c r="A21" s="56" t="s">
        <v>190</v>
      </c>
      <c r="B21" s="4">
        <v>1390</v>
      </c>
      <c r="C21" s="4">
        <v>368</v>
      </c>
      <c r="D21" s="4">
        <v>100</v>
      </c>
      <c r="E21" s="4">
        <v>1858</v>
      </c>
    </row>
    <row r="22" spans="1:5">
      <c r="A22" s="61"/>
      <c r="B22" s="5">
        <v>0.748</v>
      </c>
      <c r="C22" s="5">
        <v>0.19800000000000001</v>
      </c>
      <c r="D22" s="5">
        <v>5.3999999999999999E-2</v>
      </c>
      <c r="E22" s="5">
        <v>1</v>
      </c>
    </row>
    <row r="23" spans="1:5">
      <c r="A23" s="56" t="s">
        <v>191</v>
      </c>
      <c r="B23" s="6">
        <v>5</v>
      </c>
      <c r="C23" s="6">
        <v>1</v>
      </c>
      <c r="D23" s="6">
        <v>0</v>
      </c>
      <c r="E23" s="6">
        <v>6</v>
      </c>
    </row>
    <row r="24" spans="1:5">
      <c r="A24" s="61"/>
      <c r="B24" s="5">
        <v>0.83299999999999996</v>
      </c>
      <c r="C24" s="5">
        <v>0.16700000000000001</v>
      </c>
      <c r="D24" s="5">
        <v>0</v>
      </c>
      <c r="E24" s="5">
        <v>1</v>
      </c>
    </row>
    <row r="25" spans="1:5">
      <c r="A25" s="56" t="s">
        <v>29</v>
      </c>
      <c r="B25" s="4">
        <v>1395</v>
      </c>
      <c r="C25" s="4">
        <v>369</v>
      </c>
      <c r="D25" s="4">
        <v>100</v>
      </c>
      <c r="E25" s="4">
        <v>1864</v>
      </c>
    </row>
    <row r="26" spans="1:5">
      <c r="A26" s="61"/>
      <c r="B26" s="5">
        <v>0.748</v>
      </c>
      <c r="C26" s="5">
        <v>0.19800000000000001</v>
      </c>
      <c r="D26" s="5">
        <v>5.3999999999999999E-2</v>
      </c>
      <c r="E26" s="5">
        <v>1</v>
      </c>
    </row>
    <row r="27" spans="1:5">
      <c r="A27" s="73" t="s">
        <v>260</v>
      </c>
      <c r="B27" s="72" t="s">
        <v>261</v>
      </c>
      <c r="C27" s="72"/>
      <c r="D27" s="72"/>
      <c r="E27" s="72"/>
    </row>
    <row r="28" spans="1:5">
      <c r="A28" s="77"/>
      <c r="B28" s="38" t="s">
        <v>153</v>
      </c>
      <c r="C28" s="39" t="s">
        <v>155</v>
      </c>
      <c r="D28" s="14" t="s">
        <v>42</v>
      </c>
      <c r="E28" s="14" t="s">
        <v>29</v>
      </c>
    </row>
    <row r="29" spans="1:5">
      <c r="A29" s="56" t="s">
        <v>190</v>
      </c>
      <c r="B29" s="4">
        <v>1377</v>
      </c>
      <c r="C29" s="4">
        <v>356</v>
      </c>
      <c r="D29" s="4">
        <v>98</v>
      </c>
      <c r="E29" s="4">
        <v>1831</v>
      </c>
    </row>
    <row r="30" spans="1:5">
      <c r="A30" s="61"/>
      <c r="B30" s="5">
        <v>0.752</v>
      </c>
      <c r="C30" s="5">
        <v>0.19400000000000001</v>
      </c>
      <c r="D30" s="5">
        <v>5.3999999999999999E-2</v>
      </c>
      <c r="E30" s="5">
        <v>1</v>
      </c>
    </row>
    <row r="31" spans="1:5">
      <c r="A31" s="56" t="s">
        <v>191</v>
      </c>
      <c r="B31" s="6">
        <v>18</v>
      </c>
      <c r="C31" s="6">
        <v>13</v>
      </c>
      <c r="D31" s="6">
        <v>2</v>
      </c>
      <c r="E31" s="6">
        <v>33</v>
      </c>
    </row>
    <row r="32" spans="1:5">
      <c r="A32" s="61"/>
      <c r="B32" s="5">
        <v>0.54500000000000004</v>
      </c>
      <c r="C32" s="5">
        <v>0.39400000000000002</v>
      </c>
      <c r="D32" s="5">
        <v>6.0999999999999999E-2</v>
      </c>
      <c r="E32" s="5">
        <v>1</v>
      </c>
    </row>
    <row r="33" spans="1:5">
      <c r="A33" s="56" t="s">
        <v>29</v>
      </c>
      <c r="B33" s="4">
        <v>1395</v>
      </c>
      <c r="C33" s="4">
        <v>369</v>
      </c>
      <c r="D33" s="4">
        <v>100</v>
      </c>
      <c r="E33" s="4">
        <v>1864</v>
      </c>
    </row>
    <row r="34" spans="1:5">
      <c r="A34" s="61"/>
      <c r="B34" s="5">
        <v>0.748</v>
      </c>
      <c r="C34" s="5">
        <v>0.19800000000000001</v>
      </c>
      <c r="D34" s="5">
        <v>5.3999999999999999E-2</v>
      </c>
      <c r="E34" s="5">
        <v>1</v>
      </c>
    </row>
    <row r="35" spans="1:5">
      <c r="A35" s="54" t="s">
        <v>803</v>
      </c>
      <c r="B35" s="54"/>
      <c r="C35" s="54"/>
      <c r="D35" s="54"/>
      <c r="E35" s="54"/>
    </row>
    <row r="36" spans="1:5">
      <c r="A36" s="55"/>
      <c r="B36" s="55"/>
      <c r="C36" s="55"/>
      <c r="D36" s="55"/>
      <c r="E36" s="55"/>
    </row>
  </sheetData>
  <mergeCells count="21">
    <mergeCell ref="B3:E3"/>
    <mergeCell ref="A5:A6"/>
    <mergeCell ref="A7:A8"/>
    <mergeCell ref="A9:A10"/>
    <mergeCell ref="A3:A4"/>
    <mergeCell ref="B11:E11"/>
    <mergeCell ref="A13:A14"/>
    <mergeCell ref="A25:A26"/>
    <mergeCell ref="A15:A16"/>
    <mergeCell ref="A17:A18"/>
    <mergeCell ref="A19:A20"/>
    <mergeCell ref="B19:E19"/>
    <mergeCell ref="A21:A22"/>
    <mergeCell ref="A11:A12"/>
    <mergeCell ref="A23:A24"/>
    <mergeCell ref="A33:A34"/>
    <mergeCell ref="A35:E36"/>
    <mergeCell ref="A27:A28"/>
    <mergeCell ref="B27:E27"/>
    <mergeCell ref="A29:A30"/>
    <mergeCell ref="A31:A3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4"/>
  <sheetViews>
    <sheetView workbookViewId="0">
      <selection activeCell="A2" sqref="A2"/>
    </sheetView>
  </sheetViews>
  <sheetFormatPr defaultRowHeight="14.25"/>
  <cols>
    <col min="1" max="1" width="17.875" customWidth="1"/>
  </cols>
  <sheetData>
    <row r="1" spans="1:7">
      <c r="A1" s="1" t="s">
        <v>804</v>
      </c>
      <c r="B1" s="1"/>
      <c r="C1" s="1"/>
      <c r="D1" s="1"/>
      <c r="E1" s="1"/>
      <c r="F1" s="1"/>
      <c r="G1" s="1"/>
    </row>
    <row r="2" spans="1:7">
      <c r="A2" s="41" t="s">
        <v>812</v>
      </c>
      <c r="B2" s="1"/>
      <c r="C2" s="7"/>
      <c r="D2" s="7"/>
      <c r="E2" s="7"/>
      <c r="F2" s="7"/>
      <c r="G2" s="7"/>
    </row>
    <row r="3" spans="1:7">
      <c r="A3" s="73" t="s">
        <v>251</v>
      </c>
      <c r="B3" s="53" t="s">
        <v>262</v>
      </c>
      <c r="C3" s="53"/>
      <c r="D3" s="53"/>
      <c r="E3" s="53"/>
      <c r="F3" s="53"/>
      <c r="G3" s="53"/>
    </row>
    <row r="4" spans="1:7" ht="28.5">
      <c r="A4" s="77"/>
      <c r="B4" s="8" t="s">
        <v>556</v>
      </c>
      <c r="C4" s="8" t="s">
        <v>557</v>
      </c>
      <c r="D4" s="14" t="s">
        <v>201</v>
      </c>
      <c r="E4" s="14" t="s">
        <v>238</v>
      </c>
      <c r="F4" s="8" t="s">
        <v>27</v>
      </c>
      <c r="G4" s="8" t="s">
        <v>28</v>
      </c>
    </row>
    <row r="5" spans="1:7">
      <c r="A5" s="56" t="s">
        <v>190</v>
      </c>
      <c r="B5" s="4">
        <v>287</v>
      </c>
      <c r="C5" s="4">
        <v>622</v>
      </c>
      <c r="D5" s="4">
        <v>701</v>
      </c>
      <c r="E5" s="4">
        <v>514</v>
      </c>
      <c r="F5" s="4">
        <v>9</v>
      </c>
      <c r="G5" s="4">
        <v>2133</v>
      </c>
    </row>
    <row r="6" spans="1:7">
      <c r="A6" s="61"/>
      <c r="B6" s="5">
        <v>0.13500000000000001</v>
      </c>
      <c r="C6" s="5">
        <v>0.29199999999999998</v>
      </c>
      <c r="D6" s="5">
        <v>0.32900000000000001</v>
      </c>
      <c r="E6" s="5">
        <v>0.24099999999999999</v>
      </c>
      <c r="F6" s="5">
        <v>4.0000000000000001E-3</v>
      </c>
      <c r="G6" s="5">
        <v>1</v>
      </c>
    </row>
    <row r="7" spans="1:7">
      <c r="A7" s="56" t="s">
        <v>191</v>
      </c>
      <c r="B7" s="6">
        <v>49</v>
      </c>
      <c r="C7" s="6">
        <v>73</v>
      </c>
      <c r="D7" s="6">
        <v>36</v>
      </c>
      <c r="E7" s="6">
        <v>16</v>
      </c>
      <c r="F7" s="6">
        <v>9</v>
      </c>
      <c r="G7" s="6">
        <v>183</v>
      </c>
    </row>
    <row r="8" spans="1:7">
      <c r="A8" s="61"/>
      <c r="B8" s="5">
        <v>0.26800000000000002</v>
      </c>
      <c r="C8" s="5">
        <v>0.39900000000000002</v>
      </c>
      <c r="D8" s="5">
        <v>0.19700000000000001</v>
      </c>
      <c r="E8" s="5">
        <v>8.6999999999999994E-2</v>
      </c>
      <c r="F8" s="5">
        <v>4.9000000000000002E-2</v>
      </c>
      <c r="G8" s="5">
        <v>1</v>
      </c>
    </row>
    <row r="9" spans="1:7">
      <c r="A9" s="56" t="s">
        <v>29</v>
      </c>
      <c r="B9" s="4">
        <v>336</v>
      </c>
      <c r="C9" s="4">
        <v>695</v>
      </c>
      <c r="D9" s="4">
        <v>737</v>
      </c>
      <c r="E9" s="4">
        <v>530</v>
      </c>
      <c r="F9" s="4">
        <v>18</v>
      </c>
      <c r="G9" s="4">
        <v>2316</v>
      </c>
    </row>
    <row r="10" spans="1:7">
      <c r="A10" s="61"/>
      <c r="B10" s="5">
        <v>0.14499999999999999</v>
      </c>
      <c r="C10" s="5">
        <v>0.3</v>
      </c>
      <c r="D10" s="5">
        <v>0.318</v>
      </c>
      <c r="E10" s="5">
        <v>0.22900000000000001</v>
      </c>
      <c r="F10" s="5">
        <v>8.0000000000000002E-3</v>
      </c>
      <c r="G10" s="5">
        <v>1</v>
      </c>
    </row>
    <row r="11" spans="1:7">
      <c r="A11" s="73" t="s">
        <v>254</v>
      </c>
      <c r="B11" s="53" t="s">
        <v>262</v>
      </c>
      <c r="C11" s="53"/>
      <c r="D11" s="53"/>
      <c r="E11" s="53"/>
      <c r="F11" s="53"/>
      <c r="G11" s="53"/>
    </row>
    <row r="12" spans="1:7" ht="28.5">
      <c r="A12" s="77"/>
      <c r="B12" s="8" t="s">
        <v>556</v>
      </c>
      <c r="C12" s="8" t="s">
        <v>557</v>
      </c>
      <c r="D12" s="14" t="s">
        <v>201</v>
      </c>
      <c r="E12" s="14" t="s">
        <v>238</v>
      </c>
      <c r="F12" s="8" t="s">
        <v>27</v>
      </c>
      <c r="G12" s="8" t="s">
        <v>28</v>
      </c>
    </row>
    <row r="13" spans="1:7">
      <c r="A13" s="56" t="s">
        <v>190</v>
      </c>
      <c r="B13" s="4">
        <v>104</v>
      </c>
      <c r="C13" s="4">
        <v>157</v>
      </c>
      <c r="D13" s="4">
        <v>123</v>
      </c>
      <c r="E13" s="4">
        <v>66</v>
      </c>
      <c r="F13" s="4">
        <v>11</v>
      </c>
      <c r="G13" s="4">
        <v>461</v>
      </c>
    </row>
    <row r="14" spans="1:7">
      <c r="A14" s="61"/>
      <c r="B14" s="5">
        <v>0.22600000000000001</v>
      </c>
      <c r="C14" s="5">
        <v>0.34100000000000003</v>
      </c>
      <c r="D14" s="5">
        <v>0.26700000000000002</v>
      </c>
      <c r="E14" s="5">
        <v>0.14299999999999999</v>
      </c>
      <c r="F14" s="5">
        <v>2.4E-2</v>
      </c>
      <c r="G14" s="5">
        <v>1</v>
      </c>
    </row>
    <row r="15" spans="1:7">
      <c r="A15" s="56" t="s">
        <v>191</v>
      </c>
      <c r="B15" s="4">
        <v>232</v>
      </c>
      <c r="C15" s="4">
        <v>538</v>
      </c>
      <c r="D15" s="4">
        <v>614</v>
      </c>
      <c r="E15" s="4">
        <v>464</v>
      </c>
      <c r="F15" s="4">
        <v>7</v>
      </c>
      <c r="G15" s="4">
        <v>1855</v>
      </c>
    </row>
    <row r="16" spans="1:7">
      <c r="A16" s="61"/>
      <c r="B16" s="5">
        <v>0.125</v>
      </c>
      <c r="C16" s="5">
        <v>0.28999999999999998</v>
      </c>
      <c r="D16" s="5">
        <v>0.33100000000000002</v>
      </c>
      <c r="E16" s="5">
        <v>0.25</v>
      </c>
      <c r="F16" s="5">
        <v>4.0000000000000001E-3</v>
      </c>
      <c r="G16" s="5">
        <v>1</v>
      </c>
    </row>
    <row r="17" spans="1:7">
      <c r="A17" s="56" t="s">
        <v>29</v>
      </c>
      <c r="B17" s="4">
        <v>336</v>
      </c>
      <c r="C17" s="4">
        <v>695</v>
      </c>
      <c r="D17" s="4">
        <v>737</v>
      </c>
      <c r="E17" s="4">
        <v>530</v>
      </c>
      <c r="F17" s="4">
        <v>18</v>
      </c>
      <c r="G17" s="4">
        <v>2316</v>
      </c>
    </row>
    <row r="18" spans="1:7">
      <c r="A18" s="61"/>
      <c r="B18" s="5">
        <v>0.14499999999999999</v>
      </c>
      <c r="C18" s="5">
        <v>0.3</v>
      </c>
      <c r="D18" s="5">
        <v>0.318</v>
      </c>
      <c r="E18" s="5">
        <v>0.22900000000000001</v>
      </c>
      <c r="F18" s="5">
        <v>8.0000000000000002E-3</v>
      </c>
      <c r="G18" s="5">
        <v>1</v>
      </c>
    </row>
    <row r="19" spans="1:7">
      <c r="A19" s="73" t="s">
        <v>256</v>
      </c>
      <c r="B19" s="53" t="s">
        <v>262</v>
      </c>
      <c r="C19" s="53"/>
      <c r="D19" s="53"/>
      <c r="E19" s="53"/>
      <c r="F19" s="53"/>
      <c r="G19" s="53"/>
    </row>
    <row r="20" spans="1:7" ht="28.5">
      <c r="A20" s="77"/>
      <c r="B20" s="8" t="s">
        <v>556</v>
      </c>
      <c r="C20" s="8" t="s">
        <v>557</v>
      </c>
      <c r="D20" s="14" t="s">
        <v>201</v>
      </c>
      <c r="E20" s="14" t="s">
        <v>238</v>
      </c>
      <c r="F20" s="8" t="s">
        <v>27</v>
      </c>
      <c r="G20" s="8" t="s">
        <v>28</v>
      </c>
    </row>
    <row r="21" spans="1:7">
      <c r="A21" s="56" t="s">
        <v>190</v>
      </c>
      <c r="B21" s="4">
        <v>242</v>
      </c>
      <c r="C21" s="4">
        <v>502</v>
      </c>
      <c r="D21" s="4">
        <v>489</v>
      </c>
      <c r="E21" s="4">
        <v>311</v>
      </c>
      <c r="F21" s="4">
        <v>15</v>
      </c>
      <c r="G21" s="4">
        <v>1559</v>
      </c>
    </row>
    <row r="22" spans="1:7">
      <c r="A22" s="61"/>
      <c r="B22" s="5">
        <v>0.155</v>
      </c>
      <c r="C22" s="5">
        <v>0.32200000000000001</v>
      </c>
      <c r="D22" s="5">
        <v>0.314</v>
      </c>
      <c r="E22" s="5">
        <v>0.19900000000000001</v>
      </c>
      <c r="F22" s="5">
        <v>0.01</v>
      </c>
      <c r="G22" s="5">
        <v>1</v>
      </c>
    </row>
    <row r="23" spans="1:7">
      <c r="A23" s="56" t="s">
        <v>191</v>
      </c>
      <c r="B23" s="6">
        <v>94</v>
      </c>
      <c r="C23" s="6">
        <v>193</v>
      </c>
      <c r="D23" s="6">
        <v>248</v>
      </c>
      <c r="E23" s="6">
        <v>219</v>
      </c>
      <c r="F23" s="6">
        <v>3</v>
      </c>
      <c r="G23" s="6">
        <v>757</v>
      </c>
    </row>
    <row r="24" spans="1:7">
      <c r="A24" s="61"/>
      <c r="B24" s="5">
        <v>0.124</v>
      </c>
      <c r="C24" s="5">
        <v>0.255</v>
      </c>
      <c r="D24" s="5">
        <v>0.32800000000000001</v>
      </c>
      <c r="E24" s="5">
        <v>0.28899999999999998</v>
      </c>
      <c r="F24" s="5">
        <v>4.0000000000000001E-3</v>
      </c>
      <c r="G24" s="5">
        <v>1</v>
      </c>
    </row>
    <row r="25" spans="1:7">
      <c r="A25" s="56" t="s">
        <v>29</v>
      </c>
      <c r="B25" s="4">
        <v>336</v>
      </c>
      <c r="C25" s="4">
        <v>695</v>
      </c>
      <c r="D25" s="4">
        <v>737</v>
      </c>
      <c r="E25" s="4">
        <v>530</v>
      </c>
      <c r="F25" s="4">
        <v>18</v>
      </c>
      <c r="G25" s="4">
        <v>2316</v>
      </c>
    </row>
    <row r="26" spans="1:7">
      <c r="A26" s="61"/>
      <c r="B26" s="5">
        <v>0.14499999999999999</v>
      </c>
      <c r="C26" s="5">
        <v>0.3</v>
      </c>
      <c r="D26" s="5">
        <v>0.318</v>
      </c>
      <c r="E26" s="5">
        <v>0.22900000000000001</v>
      </c>
      <c r="F26" s="5">
        <v>8.0000000000000002E-3</v>
      </c>
      <c r="G26" s="5">
        <v>1</v>
      </c>
    </row>
    <row r="27" spans="1:7">
      <c r="A27" s="73" t="s">
        <v>258</v>
      </c>
      <c r="B27" s="53" t="s">
        <v>262</v>
      </c>
      <c r="C27" s="53"/>
      <c r="D27" s="53"/>
      <c r="E27" s="53"/>
      <c r="F27" s="53"/>
      <c r="G27" s="53"/>
    </row>
    <row r="28" spans="1:7" ht="28.5">
      <c r="A28" s="77"/>
      <c r="B28" s="8" t="s">
        <v>556</v>
      </c>
      <c r="C28" s="8" t="s">
        <v>557</v>
      </c>
      <c r="D28" s="14" t="s">
        <v>201</v>
      </c>
      <c r="E28" s="14" t="s">
        <v>238</v>
      </c>
      <c r="F28" s="8" t="s">
        <v>27</v>
      </c>
      <c r="G28" s="8" t="s">
        <v>28</v>
      </c>
    </row>
    <row r="29" spans="1:7">
      <c r="A29" s="56" t="s">
        <v>190</v>
      </c>
      <c r="B29" s="4">
        <v>156</v>
      </c>
      <c r="C29" s="4">
        <v>277</v>
      </c>
      <c r="D29" s="4">
        <v>258</v>
      </c>
      <c r="E29" s="4">
        <v>81</v>
      </c>
      <c r="F29" s="4">
        <v>16</v>
      </c>
      <c r="G29" s="4">
        <v>788</v>
      </c>
    </row>
    <row r="30" spans="1:7">
      <c r="A30" s="61"/>
      <c r="B30" s="5">
        <v>0.19800000000000001</v>
      </c>
      <c r="C30" s="5">
        <v>0.35199999999999998</v>
      </c>
      <c r="D30" s="5">
        <v>0.32700000000000001</v>
      </c>
      <c r="E30" s="5">
        <v>0.10299999999999999</v>
      </c>
      <c r="F30" s="5">
        <v>0.02</v>
      </c>
      <c r="G30" s="5">
        <v>1</v>
      </c>
    </row>
    <row r="31" spans="1:7">
      <c r="A31" s="56" t="s">
        <v>191</v>
      </c>
      <c r="B31" s="4">
        <v>180</v>
      </c>
      <c r="C31" s="4">
        <v>418</v>
      </c>
      <c r="D31" s="4">
        <v>479</v>
      </c>
      <c r="E31" s="4">
        <v>449</v>
      </c>
      <c r="F31" s="4">
        <v>2</v>
      </c>
      <c r="G31" s="4">
        <v>1528</v>
      </c>
    </row>
    <row r="32" spans="1:7">
      <c r="A32" s="61"/>
      <c r="B32" s="5">
        <v>0.11799999999999999</v>
      </c>
      <c r="C32" s="5">
        <v>0.27400000000000002</v>
      </c>
      <c r="D32" s="5">
        <v>0.313</v>
      </c>
      <c r="E32" s="5">
        <v>0.29399999999999998</v>
      </c>
      <c r="F32" s="5">
        <v>1E-3</v>
      </c>
      <c r="G32" s="5">
        <v>1</v>
      </c>
    </row>
    <row r="33" spans="1:7">
      <c r="A33" s="56" t="s">
        <v>29</v>
      </c>
      <c r="B33" s="4">
        <v>336</v>
      </c>
      <c r="C33" s="4">
        <v>695</v>
      </c>
      <c r="D33" s="4">
        <v>737</v>
      </c>
      <c r="E33" s="4">
        <v>530</v>
      </c>
      <c r="F33" s="4">
        <v>18</v>
      </c>
      <c r="G33" s="4">
        <v>2316</v>
      </c>
    </row>
    <row r="34" spans="1:7">
      <c r="A34" s="61"/>
      <c r="B34" s="5">
        <v>0.14499999999999999</v>
      </c>
      <c r="C34" s="5">
        <v>0.3</v>
      </c>
      <c r="D34" s="5">
        <v>0.318</v>
      </c>
      <c r="E34" s="5">
        <v>0.22900000000000001</v>
      </c>
      <c r="F34" s="5">
        <v>8.0000000000000002E-3</v>
      </c>
      <c r="G34" s="5">
        <v>1</v>
      </c>
    </row>
    <row r="35" spans="1:7">
      <c r="A35" s="73" t="s">
        <v>253</v>
      </c>
      <c r="B35" s="53" t="s">
        <v>262</v>
      </c>
      <c r="C35" s="53"/>
      <c r="D35" s="53"/>
      <c r="E35" s="53"/>
      <c r="F35" s="53"/>
      <c r="G35" s="53"/>
    </row>
    <row r="36" spans="1:7" ht="28.5">
      <c r="A36" s="77"/>
      <c r="B36" s="8" t="s">
        <v>556</v>
      </c>
      <c r="C36" s="8" t="s">
        <v>557</v>
      </c>
      <c r="D36" s="14" t="s">
        <v>201</v>
      </c>
      <c r="E36" s="14" t="s">
        <v>238</v>
      </c>
      <c r="F36" s="8" t="s">
        <v>27</v>
      </c>
      <c r="G36" s="8" t="s">
        <v>28</v>
      </c>
    </row>
    <row r="37" spans="1:7">
      <c r="A37" s="56" t="s">
        <v>190</v>
      </c>
      <c r="B37" s="4">
        <v>327</v>
      </c>
      <c r="C37" s="4">
        <v>685</v>
      </c>
      <c r="D37" s="4">
        <v>714</v>
      </c>
      <c r="E37" s="4">
        <v>507</v>
      </c>
      <c r="F37" s="4">
        <v>18</v>
      </c>
      <c r="G37" s="4">
        <v>2251</v>
      </c>
    </row>
    <row r="38" spans="1:7">
      <c r="A38" s="61"/>
      <c r="B38" s="5">
        <v>0.14499999999999999</v>
      </c>
      <c r="C38" s="5">
        <v>0.30399999999999999</v>
      </c>
      <c r="D38" s="5">
        <v>0.317</v>
      </c>
      <c r="E38" s="5">
        <v>0.22500000000000001</v>
      </c>
      <c r="F38" s="5">
        <v>8.0000000000000002E-3</v>
      </c>
      <c r="G38" s="5">
        <v>1</v>
      </c>
    </row>
    <row r="39" spans="1:7">
      <c r="A39" s="56" t="s">
        <v>191</v>
      </c>
      <c r="B39" s="6">
        <v>9</v>
      </c>
      <c r="C39" s="6">
        <v>10</v>
      </c>
      <c r="D39" s="6">
        <v>23</v>
      </c>
      <c r="E39" s="6">
        <v>23</v>
      </c>
      <c r="F39" s="6">
        <v>0</v>
      </c>
      <c r="G39" s="6">
        <v>65</v>
      </c>
    </row>
    <row r="40" spans="1:7">
      <c r="A40" s="61"/>
      <c r="B40" s="5">
        <v>0.13800000000000001</v>
      </c>
      <c r="C40" s="5">
        <v>0.154</v>
      </c>
      <c r="D40" s="5">
        <v>0.35399999999999998</v>
      </c>
      <c r="E40" s="5">
        <v>0.35399999999999998</v>
      </c>
      <c r="F40" s="5">
        <v>0</v>
      </c>
      <c r="G40" s="5">
        <v>1</v>
      </c>
    </row>
    <row r="41" spans="1:7">
      <c r="A41" s="56" t="s">
        <v>29</v>
      </c>
      <c r="B41" s="4">
        <v>336</v>
      </c>
      <c r="C41" s="4">
        <v>695</v>
      </c>
      <c r="D41" s="4">
        <v>737</v>
      </c>
      <c r="E41" s="4">
        <v>530</v>
      </c>
      <c r="F41" s="4">
        <v>18</v>
      </c>
      <c r="G41" s="4">
        <v>2316</v>
      </c>
    </row>
    <row r="42" spans="1:7">
      <c r="A42" s="61"/>
      <c r="B42" s="5">
        <v>0.14499999999999999</v>
      </c>
      <c r="C42" s="5">
        <v>0.3</v>
      </c>
      <c r="D42" s="5">
        <v>0.318</v>
      </c>
      <c r="E42" s="5">
        <v>0.22900000000000001</v>
      </c>
      <c r="F42" s="5">
        <v>8.0000000000000002E-3</v>
      </c>
      <c r="G42" s="5">
        <v>1</v>
      </c>
    </row>
    <row r="43" spans="1:7">
      <c r="A43" s="54" t="s">
        <v>263</v>
      </c>
      <c r="B43" s="54"/>
      <c r="C43" s="54"/>
      <c r="D43" s="54"/>
      <c r="E43" s="54"/>
      <c r="F43" s="54"/>
      <c r="G43" s="54"/>
    </row>
    <row r="44" spans="1:7">
      <c r="A44" s="55"/>
      <c r="B44" s="55"/>
      <c r="C44" s="55"/>
      <c r="D44" s="55"/>
      <c r="E44" s="55"/>
      <c r="F44" s="55"/>
      <c r="G44" s="55"/>
    </row>
  </sheetData>
  <mergeCells count="26">
    <mergeCell ref="A11:A12"/>
    <mergeCell ref="B11:G11"/>
    <mergeCell ref="A3:A4"/>
    <mergeCell ref="B3:G3"/>
    <mergeCell ref="A5:A6"/>
    <mergeCell ref="A7:A8"/>
    <mergeCell ref="A9:A10"/>
    <mergeCell ref="A17:A18"/>
    <mergeCell ref="A19:A20"/>
    <mergeCell ref="B19:G19"/>
    <mergeCell ref="A13:A14"/>
    <mergeCell ref="A15:A16"/>
    <mergeCell ref="A27:A28"/>
    <mergeCell ref="B27:G27"/>
    <mergeCell ref="A29:A30"/>
    <mergeCell ref="A21:A22"/>
    <mergeCell ref="A23:A24"/>
    <mergeCell ref="A25:A26"/>
    <mergeCell ref="A43:G44"/>
    <mergeCell ref="A37:A38"/>
    <mergeCell ref="A39:A40"/>
    <mergeCell ref="A41:A42"/>
    <mergeCell ref="A31:A32"/>
    <mergeCell ref="A33:A34"/>
    <mergeCell ref="A35:A36"/>
    <mergeCell ref="B35:G35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verticalDpi="0" r:id="rId1"/>
</worksheet>
</file>

<file path=xl/worksheets/sheet2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6"/>
  <sheetViews>
    <sheetView workbookViewId="0">
      <selection activeCell="A2" sqref="A2"/>
    </sheetView>
  </sheetViews>
  <sheetFormatPr defaultRowHeight="14.25"/>
  <cols>
    <col min="1" max="1" width="17.875" customWidth="1"/>
    <col min="9" max="9" width="17.875" customWidth="1"/>
  </cols>
  <sheetData>
    <row r="1" spans="1:15">
      <c r="A1" s="1" t="s">
        <v>805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1:15">
      <c r="A2" s="41" t="s">
        <v>812</v>
      </c>
      <c r="B2" s="1"/>
      <c r="C2" s="7"/>
      <c r="D2" s="7"/>
      <c r="E2" s="7"/>
      <c r="F2" s="7"/>
      <c r="G2" s="7"/>
      <c r="H2" s="1"/>
      <c r="I2" s="1"/>
      <c r="J2" s="1"/>
      <c r="K2" s="1"/>
      <c r="L2" s="1"/>
      <c r="M2" s="1"/>
      <c r="N2" s="1"/>
      <c r="O2" s="1"/>
    </row>
    <row r="3" spans="1:15">
      <c r="A3" s="73" t="s">
        <v>255</v>
      </c>
      <c r="B3" s="53" t="s">
        <v>262</v>
      </c>
      <c r="C3" s="53"/>
      <c r="D3" s="53"/>
      <c r="E3" s="53"/>
      <c r="F3" s="53"/>
      <c r="G3" s="53"/>
    </row>
    <row r="4" spans="1:15" ht="28.5">
      <c r="A4" s="77"/>
      <c r="B4" s="8" t="s">
        <v>556</v>
      </c>
      <c r="C4" s="8" t="s">
        <v>557</v>
      </c>
      <c r="D4" s="14" t="s">
        <v>201</v>
      </c>
      <c r="E4" s="14" t="s">
        <v>238</v>
      </c>
      <c r="F4" s="8" t="s">
        <v>27</v>
      </c>
      <c r="G4" s="8" t="s">
        <v>28</v>
      </c>
    </row>
    <row r="5" spans="1:15">
      <c r="A5" s="56" t="s">
        <v>190</v>
      </c>
      <c r="B5" s="4">
        <v>318</v>
      </c>
      <c r="C5" s="4">
        <v>662</v>
      </c>
      <c r="D5" s="4">
        <v>713</v>
      </c>
      <c r="E5" s="4">
        <v>512</v>
      </c>
      <c r="F5" s="4">
        <v>18</v>
      </c>
      <c r="G5" s="4">
        <v>2223</v>
      </c>
    </row>
    <row r="6" spans="1:15">
      <c r="A6" s="61"/>
      <c r="B6" s="5">
        <v>0.14299999999999999</v>
      </c>
      <c r="C6" s="5">
        <v>0.29799999999999999</v>
      </c>
      <c r="D6" s="5">
        <v>0.32100000000000001</v>
      </c>
      <c r="E6" s="5">
        <v>0.23</v>
      </c>
      <c r="F6" s="5">
        <v>8.0000000000000002E-3</v>
      </c>
      <c r="G6" s="5">
        <v>1</v>
      </c>
    </row>
    <row r="7" spans="1:15">
      <c r="A7" s="56" t="s">
        <v>191</v>
      </c>
      <c r="B7" s="6">
        <v>18</v>
      </c>
      <c r="C7" s="6">
        <v>33</v>
      </c>
      <c r="D7" s="6">
        <v>24</v>
      </c>
      <c r="E7" s="6">
        <v>18</v>
      </c>
      <c r="F7" s="6">
        <v>0</v>
      </c>
      <c r="G7" s="6">
        <v>93</v>
      </c>
    </row>
    <row r="8" spans="1:15">
      <c r="A8" s="61"/>
      <c r="B8" s="5">
        <v>0.19400000000000001</v>
      </c>
      <c r="C8" s="5">
        <v>0.35499999999999998</v>
      </c>
      <c r="D8" s="5">
        <v>0.25800000000000001</v>
      </c>
      <c r="E8" s="5">
        <v>0.19400000000000001</v>
      </c>
      <c r="F8" s="5">
        <v>0</v>
      </c>
      <c r="G8" s="5">
        <v>1</v>
      </c>
    </row>
    <row r="9" spans="1:15">
      <c r="A9" s="56" t="s">
        <v>29</v>
      </c>
      <c r="B9" s="4">
        <v>336</v>
      </c>
      <c r="C9" s="4">
        <v>695</v>
      </c>
      <c r="D9" s="4">
        <v>737</v>
      </c>
      <c r="E9" s="4">
        <v>530</v>
      </c>
      <c r="F9" s="4">
        <v>18</v>
      </c>
      <c r="G9" s="4">
        <v>2316</v>
      </c>
    </row>
    <row r="10" spans="1:15">
      <c r="A10" s="61"/>
      <c r="B10" s="5">
        <v>0.14499999999999999</v>
      </c>
      <c r="C10" s="5">
        <v>0.3</v>
      </c>
      <c r="D10" s="5">
        <v>0.318</v>
      </c>
      <c r="E10" s="5">
        <v>0.22900000000000001</v>
      </c>
      <c r="F10" s="5">
        <v>8.0000000000000002E-3</v>
      </c>
      <c r="G10" s="5">
        <v>1</v>
      </c>
    </row>
    <row r="11" spans="1:15">
      <c r="A11" s="73" t="s">
        <v>257</v>
      </c>
      <c r="B11" s="53" t="s">
        <v>262</v>
      </c>
      <c r="C11" s="53"/>
      <c r="D11" s="53"/>
      <c r="E11" s="53"/>
      <c r="F11" s="53"/>
      <c r="G11" s="53"/>
    </row>
    <row r="12" spans="1:15" ht="28.5">
      <c r="A12" s="77"/>
      <c r="B12" s="8" t="s">
        <v>556</v>
      </c>
      <c r="C12" s="8" t="s">
        <v>557</v>
      </c>
      <c r="D12" s="14" t="s">
        <v>201</v>
      </c>
      <c r="E12" s="14" t="s">
        <v>238</v>
      </c>
      <c r="F12" s="8" t="s">
        <v>27</v>
      </c>
      <c r="G12" s="8" t="s">
        <v>28</v>
      </c>
    </row>
    <row r="13" spans="1:15">
      <c r="A13" s="56" t="s">
        <v>190</v>
      </c>
      <c r="B13" s="4">
        <v>320</v>
      </c>
      <c r="C13" s="4">
        <v>659</v>
      </c>
      <c r="D13" s="4">
        <v>704</v>
      </c>
      <c r="E13" s="4">
        <v>503</v>
      </c>
      <c r="F13" s="4">
        <v>16</v>
      </c>
      <c r="G13" s="4">
        <v>2202</v>
      </c>
    </row>
    <row r="14" spans="1:15">
      <c r="A14" s="61"/>
      <c r="B14" s="5">
        <v>0.14499999999999999</v>
      </c>
      <c r="C14" s="5">
        <v>0.29899999999999999</v>
      </c>
      <c r="D14" s="5">
        <v>0.32</v>
      </c>
      <c r="E14" s="5">
        <v>0.22800000000000001</v>
      </c>
      <c r="F14" s="5">
        <v>7.0000000000000001E-3</v>
      </c>
      <c r="G14" s="5">
        <v>1</v>
      </c>
    </row>
    <row r="15" spans="1:15">
      <c r="A15" s="56" t="s">
        <v>191</v>
      </c>
      <c r="B15" s="6">
        <v>16</v>
      </c>
      <c r="C15" s="6">
        <v>36</v>
      </c>
      <c r="D15" s="6">
        <v>33</v>
      </c>
      <c r="E15" s="6">
        <v>27</v>
      </c>
      <c r="F15" s="6">
        <v>2</v>
      </c>
      <c r="G15" s="6">
        <v>114</v>
      </c>
    </row>
    <row r="16" spans="1:15">
      <c r="A16" s="61"/>
      <c r="B16" s="5">
        <v>0.14000000000000001</v>
      </c>
      <c r="C16" s="5">
        <v>0.316</v>
      </c>
      <c r="D16" s="5">
        <v>0.28899999999999998</v>
      </c>
      <c r="E16" s="5">
        <v>0.23699999999999999</v>
      </c>
      <c r="F16" s="5">
        <v>1.7999999999999999E-2</v>
      </c>
      <c r="G16" s="5">
        <v>1</v>
      </c>
    </row>
    <row r="17" spans="1:7">
      <c r="A17" s="56" t="s">
        <v>29</v>
      </c>
      <c r="B17" s="4">
        <v>336</v>
      </c>
      <c r="C17" s="4">
        <v>695</v>
      </c>
      <c r="D17" s="4">
        <v>737</v>
      </c>
      <c r="E17" s="4">
        <v>530</v>
      </c>
      <c r="F17" s="4">
        <v>18</v>
      </c>
      <c r="G17" s="4">
        <v>2316</v>
      </c>
    </row>
    <row r="18" spans="1:7">
      <c r="A18" s="61"/>
      <c r="B18" s="5">
        <v>0.14499999999999999</v>
      </c>
      <c r="C18" s="5">
        <v>0.3</v>
      </c>
      <c r="D18" s="5">
        <v>0.318</v>
      </c>
      <c r="E18" s="5">
        <v>0.22900000000000001</v>
      </c>
      <c r="F18" s="5">
        <v>8.0000000000000002E-3</v>
      </c>
      <c r="G18" s="5">
        <v>1</v>
      </c>
    </row>
    <row r="19" spans="1:7">
      <c r="A19" s="73" t="s">
        <v>259</v>
      </c>
      <c r="B19" s="53" t="s">
        <v>262</v>
      </c>
      <c r="C19" s="53"/>
      <c r="D19" s="53"/>
      <c r="E19" s="53"/>
      <c r="F19" s="53"/>
      <c r="G19" s="53"/>
    </row>
    <row r="20" spans="1:7" ht="28.5">
      <c r="A20" s="77"/>
      <c r="B20" s="8" t="s">
        <v>556</v>
      </c>
      <c r="C20" s="8" t="s">
        <v>557</v>
      </c>
      <c r="D20" s="14" t="s">
        <v>201</v>
      </c>
      <c r="E20" s="14" t="s">
        <v>238</v>
      </c>
      <c r="F20" s="8" t="s">
        <v>27</v>
      </c>
      <c r="G20" s="8" t="s">
        <v>28</v>
      </c>
    </row>
    <row r="21" spans="1:7">
      <c r="A21" s="56" t="s">
        <v>190</v>
      </c>
      <c r="B21" s="4">
        <v>336</v>
      </c>
      <c r="C21" s="4">
        <v>695</v>
      </c>
      <c r="D21" s="4">
        <v>735</v>
      </c>
      <c r="E21" s="4">
        <v>526</v>
      </c>
      <c r="F21" s="4">
        <v>18</v>
      </c>
      <c r="G21" s="4">
        <v>2310</v>
      </c>
    </row>
    <row r="22" spans="1:7">
      <c r="A22" s="61"/>
      <c r="B22" s="5">
        <v>0.14499999999999999</v>
      </c>
      <c r="C22" s="5">
        <v>0.30099999999999999</v>
      </c>
      <c r="D22" s="5">
        <v>0.318</v>
      </c>
      <c r="E22" s="5">
        <v>0.22800000000000001</v>
      </c>
      <c r="F22" s="5">
        <v>8.0000000000000002E-3</v>
      </c>
      <c r="G22" s="5">
        <v>1</v>
      </c>
    </row>
    <row r="23" spans="1:7">
      <c r="A23" s="56" t="s">
        <v>191</v>
      </c>
      <c r="B23" s="6">
        <v>0</v>
      </c>
      <c r="C23" s="6">
        <v>0</v>
      </c>
      <c r="D23" s="6">
        <v>2</v>
      </c>
      <c r="E23" s="6">
        <v>4</v>
      </c>
      <c r="F23" s="6">
        <v>0</v>
      </c>
      <c r="G23" s="6">
        <v>6</v>
      </c>
    </row>
    <row r="24" spans="1:7">
      <c r="A24" s="61"/>
      <c r="B24" s="5">
        <v>0</v>
      </c>
      <c r="C24" s="5">
        <v>0</v>
      </c>
      <c r="D24" s="5">
        <v>0.33300000000000002</v>
      </c>
      <c r="E24" s="5">
        <v>0.66700000000000004</v>
      </c>
      <c r="F24" s="5">
        <v>0</v>
      </c>
      <c r="G24" s="5">
        <v>1</v>
      </c>
    </row>
    <row r="25" spans="1:7">
      <c r="A25" s="56" t="s">
        <v>29</v>
      </c>
      <c r="B25" s="4">
        <v>336</v>
      </c>
      <c r="C25" s="4">
        <v>695</v>
      </c>
      <c r="D25" s="4">
        <v>737</v>
      </c>
      <c r="E25" s="4">
        <v>530</v>
      </c>
      <c r="F25" s="4">
        <v>18</v>
      </c>
      <c r="G25" s="4">
        <v>2316</v>
      </c>
    </row>
    <row r="26" spans="1:7">
      <c r="A26" s="61"/>
      <c r="B26" s="5">
        <v>0.14499999999999999</v>
      </c>
      <c r="C26" s="5">
        <v>0.3</v>
      </c>
      <c r="D26" s="5">
        <v>0.318</v>
      </c>
      <c r="E26" s="5">
        <v>0.22900000000000001</v>
      </c>
      <c r="F26" s="5">
        <v>8.0000000000000002E-3</v>
      </c>
      <c r="G26" s="5">
        <v>1</v>
      </c>
    </row>
    <row r="27" spans="1:7">
      <c r="A27" s="73" t="s">
        <v>260</v>
      </c>
      <c r="B27" s="53" t="s">
        <v>262</v>
      </c>
      <c r="C27" s="53"/>
      <c r="D27" s="53"/>
      <c r="E27" s="53"/>
      <c r="F27" s="53"/>
      <c r="G27" s="53"/>
    </row>
    <row r="28" spans="1:7" ht="28.5">
      <c r="A28" s="77"/>
      <c r="B28" s="8" t="s">
        <v>556</v>
      </c>
      <c r="C28" s="8" t="s">
        <v>557</v>
      </c>
      <c r="D28" s="14" t="s">
        <v>201</v>
      </c>
      <c r="E28" s="14" t="s">
        <v>238</v>
      </c>
      <c r="F28" s="8" t="s">
        <v>27</v>
      </c>
      <c r="G28" s="8" t="s">
        <v>28</v>
      </c>
    </row>
    <row r="29" spans="1:7">
      <c r="A29" s="56" t="s">
        <v>190</v>
      </c>
      <c r="B29" s="4">
        <v>328</v>
      </c>
      <c r="C29" s="4">
        <v>683</v>
      </c>
      <c r="D29" s="4">
        <v>725</v>
      </c>
      <c r="E29" s="4">
        <v>518</v>
      </c>
      <c r="F29" s="4">
        <v>18</v>
      </c>
      <c r="G29" s="4">
        <v>2272</v>
      </c>
    </row>
    <row r="30" spans="1:7">
      <c r="A30" s="61"/>
      <c r="B30" s="5">
        <v>0.14399999999999999</v>
      </c>
      <c r="C30" s="5">
        <v>0.30099999999999999</v>
      </c>
      <c r="D30" s="5">
        <v>0.31900000000000001</v>
      </c>
      <c r="E30" s="5">
        <v>0.22800000000000001</v>
      </c>
      <c r="F30" s="5">
        <v>8.0000000000000002E-3</v>
      </c>
      <c r="G30" s="5">
        <v>1</v>
      </c>
    </row>
    <row r="31" spans="1:7">
      <c r="A31" s="56" t="s">
        <v>191</v>
      </c>
      <c r="B31" s="6">
        <v>8</v>
      </c>
      <c r="C31" s="6">
        <v>12</v>
      </c>
      <c r="D31" s="6">
        <v>12</v>
      </c>
      <c r="E31" s="6">
        <v>12</v>
      </c>
      <c r="F31" s="6">
        <v>0</v>
      </c>
      <c r="G31" s="6">
        <v>44</v>
      </c>
    </row>
    <row r="32" spans="1:7">
      <c r="A32" s="61"/>
      <c r="B32" s="5">
        <v>0.182</v>
      </c>
      <c r="C32" s="5">
        <v>0.27300000000000002</v>
      </c>
      <c r="D32" s="5">
        <v>0.27300000000000002</v>
      </c>
      <c r="E32" s="5">
        <v>0.27300000000000002</v>
      </c>
      <c r="F32" s="5">
        <v>0</v>
      </c>
      <c r="G32" s="5">
        <v>1</v>
      </c>
    </row>
    <row r="33" spans="1:7">
      <c r="A33" s="56" t="s">
        <v>29</v>
      </c>
      <c r="B33" s="4">
        <v>336</v>
      </c>
      <c r="C33" s="4">
        <v>695</v>
      </c>
      <c r="D33" s="4">
        <v>737</v>
      </c>
      <c r="E33" s="4">
        <v>530</v>
      </c>
      <c r="F33" s="4">
        <v>18</v>
      </c>
      <c r="G33" s="4">
        <v>2316</v>
      </c>
    </row>
    <row r="34" spans="1:7">
      <c r="A34" s="61"/>
      <c r="B34" s="5">
        <v>0.14499999999999999</v>
      </c>
      <c r="C34" s="5">
        <v>0.3</v>
      </c>
      <c r="D34" s="5">
        <v>0.318</v>
      </c>
      <c r="E34" s="5">
        <v>0.22900000000000001</v>
      </c>
      <c r="F34" s="5">
        <v>8.0000000000000002E-3</v>
      </c>
      <c r="G34" s="5">
        <v>1</v>
      </c>
    </row>
    <row r="35" spans="1:7">
      <c r="A35" s="54" t="s">
        <v>263</v>
      </c>
      <c r="B35" s="54"/>
      <c r="C35" s="54"/>
      <c r="D35" s="54"/>
      <c r="E35" s="54"/>
      <c r="F35" s="54"/>
      <c r="G35" s="54"/>
    </row>
    <row r="36" spans="1:7">
      <c r="A36" s="55"/>
      <c r="B36" s="55"/>
      <c r="C36" s="55"/>
      <c r="D36" s="55"/>
      <c r="E36" s="55"/>
      <c r="F36" s="55"/>
      <c r="G36" s="55"/>
    </row>
  </sheetData>
  <mergeCells count="21">
    <mergeCell ref="B3:G3"/>
    <mergeCell ref="A5:A6"/>
    <mergeCell ref="A7:A8"/>
    <mergeCell ref="A9:A10"/>
    <mergeCell ref="A3:A4"/>
    <mergeCell ref="B11:G11"/>
    <mergeCell ref="A13:A14"/>
    <mergeCell ref="A25:A26"/>
    <mergeCell ref="A15:A16"/>
    <mergeCell ref="A17:A18"/>
    <mergeCell ref="A19:A20"/>
    <mergeCell ref="B19:G19"/>
    <mergeCell ref="A21:A22"/>
    <mergeCell ref="A11:A12"/>
    <mergeCell ref="A23:A24"/>
    <mergeCell ref="A33:A34"/>
    <mergeCell ref="A35:G36"/>
    <mergeCell ref="A27:A28"/>
    <mergeCell ref="B27:G27"/>
    <mergeCell ref="A29:A30"/>
    <mergeCell ref="A31:A3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verticalDpi="0" r:id="rId1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"/>
  <dimension ref="A1:G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7">
      <c r="A1" s="1" t="s">
        <v>525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60" t="s">
        <v>168</v>
      </c>
      <c r="B3" s="53" t="s">
        <v>100</v>
      </c>
      <c r="C3" s="53"/>
      <c r="D3" s="53"/>
      <c r="E3" s="53"/>
      <c r="F3" s="53"/>
      <c r="G3" s="2"/>
    </row>
    <row r="4" spans="1:7" ht="28.5">
      <c r="A4" s="60"/>
      <c r="B4" s="8" t="s">
        <v>143</v>
      </c>
      <c r="C4" s="8" t="s">
        <v>144</v>
      </c>
      <c r="D4" s="8" t="s">
        <v>145</v>
      </c>
      <c r="E4" s="8" t="s">
        <v>42</v>
      </c>
      <c r="F4" s="8" t="s">
        <v>29</v>
      </c>
    </row>
    <row r="5" spans="1:7">
      <c r="A5" s="56" t="s">
        <v>169</v>
      </c>
      <c r="B5" s="4">
        <v>468</v>
      </c>
      <c r="C5" s="4">
        <v>1089</v>
      </c>
      <c r="D5" s="4">
        <v>283</v>
      </c>
      <c r="E5" s="4">
        <v>0</v>
      </c>
      <c r="F5" s="4">
        <v>1840</v>
      </c>
    </row>
    <row r="6" spans="1:7">
      <c r="A6" s="61"/>
      <c r="B6" s="5">
        <v>0.254</v>
      </c>
      <c r="C6" s="5">
        <v>0.59199999999999997</v>
      </c>
      <c r="D6" s="5">
        <v>0.154</v>
      </c>
      <c r="E6" s="5">
        <v>0</v>
      </c>
      <c r="F6" s="5">
        <v>1</v>
      </c>
    </row>
    <row r="7" spans="1:7">
      <c r="A7" s="56" t="s">
        <v>170</v>
      </c>
      <c r="B7" s="6">
        <v>466</v>
      </c>
      <c r="C7" s="6">
        <v>1023</v>
      </c>
      <c r="D7" s="6">
        <v>350</v>
      </c>
      <c r="E7" s="6">
        <v>2</v>
      </c>
      <c r="F7" s="4">
        <v>1841</v>
      </c>
    </row>
    <row r="8" spans="1:7">
      <c r="A8" s="57"/>
      <c r="B8" s="5">
        <v>0.253</v>
      </c>
      <c r="C8" s="5">
        <v>0.55600000000000005</v>
      </c>
      <c r="D8" s="5">
        <v>0.19</v>
      </c>
      <c r="E8" s="5">
        <v>1E-3</v>
      </c>
      <c r="F8" s="5">
        <v>1</v>
      </c>
    </row>
    <row r="9" spans="1:7">
      <c r="A9" s="56" t="s">
        <v>171</v>
      </c>
      <c r="B9" s="6">
        <v>1</v>
      </c>
      <c r="C9" s="6">
        <v>2</v>
      </c>
      <c r="D9" s="6">
        <v>1</v>
      </c>
      <c r="E9" s="6">
        <v>0</v>
      </c>
      <c r="F9" s="6">
        <v>4</v>
      </c>
    </row>
    <row r="10" spans="1:7">
      <c r="A10" s="57"/>
      <c r="B10" s="5">
        <v>0.25</v>
      </c>
      <c r="C10" s="5">
        <v>0.5</v>
      </c>
      <c r="D10" s="5">
        <v>0.25</v>
      </c>
      <c r="E10" s="5">
        <v>0</v>
      </c>
      <c r="F10" s="5">
        <v>1</v>
      </c>
    </row>
    <row r="11" spans="1:7" ht="14.25" customHeight="1">
      <c r="A11" s="73" t="s">
        <v>29</v>
      </c>
      <c r="B11" s="4">
        <v>935</v>
      </c>
      <c r="C11" s="4">
        <v>2114</v>
      </c>
      <c r="D11" s="4">
        <v>634</v>
      </c>
      <c r="E11" s="4">
        <v>2</v>
      </c>
      <c r="F11" s="4">
        <v>3685</v>
      </c>
    </row>
    <row r="12" spans="1:7">
      <c r="A12" s="74"/>
      <c r="B12" s="5">
        <v>0.254</v>
      </c>
      <c r="C12" s="5">
        <v>0.57399999999999995</v>
      </c>
      <c r="D12" s="5">
        <v>0.17199999999999999</v>
      </c>
      <c r="E12" s="5">
        <v>1E-3</v>
      </c>
      <c r="F12" s="5">
        <v>1</v>
      </c>
    </row>
    <row r="13" spans="1:7">
      <c r="A13" s="54" t="s">
        <v>101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4"/>
  <sheetViews>
    <sheetView workbookViewId="0">
      <selection activeCell="A2" sqref="A2"/>
    </sheetView>
  </sheetViews>
  <sheetFormatPr defaultRowHeight="14.25"/>
  <cols>
    <col min="1" max="1" width="17.875" customWidth="1"/>
  </cols>
  <sheetData>
    <row r="1" spans="1:7">
      <c r="A1" s="1" t="s">
        <v>807</v>
      </c>
      <c r="B1" s="1"/>
      <c r="C1" s="1"/>
      <c r="D1" s="1"/>
      <c r="E1" s="1"/>
      <c r="F1" s="1"/>
      <c r="G1" s="1"/>
    </row>
    <row r="2" spans="1:7">
      <c r="A2" s="41" t="s">
        <v>812</v>
      </c>
      <c r="B2" s="1"/>
      <c r="C2" s="7"/>
      <c r="D2" s="7"/>
      <c r="E2" s="7"/>
      <c r="F2" s="1"/>
      <c r="G2" s="1"/>
    </row>
    <row r="3" spans="1:7">
      <c r="A3" s="73" t="s">
        <v>251</v>
      </c>
      <c r="B3" s="53" t="s">
        <v>264</v>
      </c>
      <c r="C3" s="53"/>
      <c r="D3" s="53"/>
      <c r="E3" s="53"/>
      <c r="F3" s="53"/>
      <c r="G3" s="2"/>
    </row>
    <row r="4" spans="1:7" ht="42.75">
      <c r="A4" s="77"/>
      <c r="B4" s="14" t="s">
        <v>153</v>
      </c>
      <c r="C4" s="14" t="s">
        <v>155</v>
      </c>
      <c r="D4" s="14" t="s">
        <v>265</v>
      </c>
      <c r="E4" s="14" t="s">
        <v>171</v>
      </c>
      <c r="F4" s="14" t="s">
        <v>29</v>
      </c>
      <c r="G4" s="1"/>
    </row>
    <row r="5" spans="1:7">
      <c r="A5" s="56" t="s">
        <v>190</v>
      </c>
      <c r="B5" s="4">
        <v>163</v>
      </c>
      <c r="C5" s="4">
        <v>1816</v>
      </c>
      <c r="D5" s="4">
        <v>152</v>
      </c>
      <c r="E5" s="4">
        <v>2</v>
      </c>
      <c r="F5" s="37">
        <v>2133</v>
      </c>
      <c r="G5" s="1"/>
    </row>
    <row r="6" spans="1:7">
      <c r="A6" s="61"/>
      <c r="B6" s="5">
        <v>7.5999999999999998E-2</v>
      </c>
      <c r="C6" s="5">
        <v>0.85099999999999998</v>
      </c>
      <c r="D6" s="5">
        <v>7.0999999999999994E-2</v>
      </c>
      <c r="E6" s="5">
        <v>1E-3</v>
      </c>
      <c r="F6" s="12">
        <v>1</v>
      </c>
      <c r="G6" s="9"/>
    </row>
    <row r="7" spans="1:7">
      <c r="A7" s="56" t="s">
        <v>191</v>
      </c>
      <c r="B7" s="6">
        <v>2</v>
      </c>
      <c r="C7" s="6">
        <v>131</v>
      </c>
      <c r="D7" s="6">
        <v>50</v>
      </c>
      <c r="E7" s="6">
        <v>0</v>
      </c>
      <c r="F7" s="13">
        <v>183</v>
      </c>
      <c r="G7" s="1"/>
    </row>
    <row r="8" spans="1:7">
      <c r="A8" s="61"/>
      <c r="B8" s="5">
        <v>1.0999999999999999E-2</v>
      </c>
      <c r="C8" s="5">
        <v>0.71599999999999997</v>
      </c>
      <c r="D8" s="5">
        <v>0.27300000000000002</v>
      </c>
      <c r="E8" s="5">
        <v>0</v>
      </c>
      <c r="F8" s="12">
        <v>1</v>
      </c>
      <c r="G8" s="9"/>
    </row>
    <row r="9" spans="1:7">
      <c r="A9" s="56" t="s">
        <v>29</v>
      </c>
      <c r="B9" s="4">
        <v>165</v>
      </c>
      <c r="C9" s="4">
        <v>1947</v>
      </c>
      <c r="D9" s="4">
        <v>202</v>
      </c>
      <c r="E9" s="4">
        <v>2</v>
      </c>
      <c r="F9" s="37">
        <v>2316</v>
      </c>
      <c r="G9" s="1"/>
    </row>
    <row r="10" spans="1:7">
      <c r="A10" s="61"/>
      <c r="B10" s="5">
        <v>7.0999999999999994E-2</v>
      </c>
      <c r="C10" s="5">
        <v>0.84099999999999997</v>
      </c>
      <c r="D10" s="5">
        <v>8.6999999999999994E-2</v>
      </c>
      <c r="E10" s="5">
        <v>1E-3</v>
      </c>
      <c r="F10" s="12">
        <v>1</v>
      </c>
      <c r="G10" s="9"/>
    </row>
    <row r="11" spans="1:7">
      <c r="A11" s="73" t="s">
        <v>254</v>
      </c>
      <c r="B11" s="81" t="s">
        <v>264</v>
      </c>
      <c r="C11" s="82"/>
      <c r="D11" s="82"/>
      <c r="E11" s="82"/>
      <c r="F11" s="82"/>
      <c r="G11" s="1"/>
    </row>
    <row r="12" spans="1:7" ht="42.75">
      <c r="A12" s="77"/>
      <c r="B12" s="14" t="s">
        <v>153</v>
      </c>
      <c r="C12" s="14" t="s">
        <v>155</v>
      </c>
      <c r="D12" s="14" t="s">
        <v>265</v>
      </c>
      <c r="E12" s="14" t="s">
        <v>171</v>
      </c>
      <c r="F12" s="14" t="s">
        <v>29</v>
      </c>
      <c r="G12" s="1"/>
    </row>
    <row r="13" spans="1:7">
      <c r="A13" s="56" t="s">
        <v>190</v>
      </c>
      <c r="B13" s="4">
        <v>47</v>
      </c>
      <c r="C13" s="4">
        <v>321</v>
      </c>
      <c r="D13" s="4">
        <v>93</v>
      </c>
      <c r="E13" s="4">
        <v>0</v>
      </c>
      <c r="F13" s="13">
        <v>461</v>
      </c>
      <c r="G13" s="1"/>
    </row>
    <row r="14" spans="1:7">
      <c r="A14" s="61"/>
      <c r="B14" s="5">
        <v>0.10199999999999999</v>
      </c>
      <c r="C14" s="5">
        <v>0.69599999999999995</v>
      </c>
      <c r="D14" s="5">
        <v>0.20200000000000001</v>
      </c>
      <c r="E14" s="5">
        <v>0</v>
      </c>
      <c r="F14" s="12">
        <v>1</v>
      </c>
      <c r="G14" s="1"/>
    </row>
    <row r="15" spans="1:7">
      <c r="A15" s="56" t="s">
        <v>191</v>
      </c>
      <c r="B15" s="4">
        <v>118</v>
      </c>
      <c r="C15" s="4">
        <v>1626</v>
      </c>
      <c r="D15" s="4">
        <v>109</v>
      </c>
      <c r="E15" s="4">
        <v>2</v>
      </c>
      <c r="F15" s="37">
        <v>1855</v>
      </c>
      <c r="G15" s="1"/>
    </row>
    <row r="16" spans="1:7">
      <c r="A16" s="61"/>
      <c r="B16" s="5">
        <v>6.4000000000000001E-2</v>
      </c>
      <c r="C16" s="5">
        <v>0.877</v>
      </c>
      <c r="D16" s="5">
        <v>5.8999999999999997E-2</v>
      </c>
      <c r="E16" s="5">
        <v>1E-3</v>
      </c>
      <c r="F16" s="12">
        <v>1</v>
      </c>
      <c r="G16" s="1"/>
    </row>
    <row r="17" spans="1:7">
      <c r="A17" s="56" t="s">
        <v>29</v>
      </c>
      <c r="B17" s="4">
        <v>165</v>
      </c>
      <c r="C17" s="4">
        <v>1947</v>
      </c>
      <c r="D17" s="4">
        <v>202</v>
      </c>
      <c r="E17" s="4">
        <v>2</v>
      </c>
      <c r="F17" s="37">
        <v>2316</v>
      </c>
      <c r="G17" s="1"/>
    </row>
    <row r="18" spans="1:7">
      <c r="A18" s="61"/>
      <c r="B18" s="5">
        <v>7.0999999999999994E-2</v>
      </c>
      <c r="C18" s="5">
        <v>0.84099999999999997</v>
      </c>
      <c r="D18" s="5">
        <v>8.6999999999999994E-2</v>
      </c>
      <c r="E18" s="5">
        <v>1E-3</v>
      </c>
      <c r="F18" s="12">
        <v>1</v>
      </c>
      <c r="G18" s="1"/>
    </row>
    <row r="19" spans="1:7">
      <c r="A19" s="73" t="s">
        <v>256</v>
      </c>
      <c r="B19" s="81" t="s">
        <v>264</v>
      </c>
      <c r="C19" s="82"/>
      <c r="D19" s="82"/>
      <c r="E19" s="82"/>
      <c r="F19" s="82"/>
      <c r="G19" s="1"/>
    </row>
    <row r="20" spans="1:7" ht="42.75">
      <c r="A20" s="77"/>
      <c r="B20" s="14" t="s">
        <v>153</v>
      </c>
      <c r="C20" s="14" t="s">
        <v>155</v>
      </c>
      <c r="D20" s="14" t="s">
        <v>265</v>
      </c>
      <c r="E20" s="14" t="s">
        <v>171</v>
      </c>
      <c r="F20" s="14" t="s">
        <v>29</v>
      </c>
      <c r="G20" s="1"/>
    </row>
    <row r="21" spans="1:7">
      <c r="A21" s="56" t="s">
        <v>190</v>
      </c>
      <c r="B21" s="4">
        <v>89</v>
      </c>
      <c r="C21" s="4">
        <v>1295</v>
      </c>
      <c r="D21" s="4">
        <v>174</v>
      </c>
      <c r="E21" s="4">
        <v>1</v>
      </c>
      <c r="F21" s="37">
        <v>1559</v>
      </c>
      <c r="G21" s="1"/>
    </row>
    <row r="22" spans="1:7">
      <c r="A22" s="61"/>
      <c r="B22" s="5">
        <v>5.7000000000000002E-2</v>
      </c>
      <c r="C22" s="5">
        <v>0.83099999999999996</v>
      </c>
      <c r="D22" s="5">
        <v>0.112</v>
      </c>
      <c r="E22" s="5">
        <v>1E-3</v>
      </c>
      <c r="F22" s="12">
        <v>1</v>
      </c>
      <c r="G22" s="1"/>
    </row>
    <row r="23" spans="1:7">
      <c r="A23" s="56" t="s">
        <v>191</v>
      </c>
      <c r="B23" s="6">
        <v>76</v>
      </c>
      <c r="C23" s="6">
        <v>652</v>
      </c>
      <c r="D23" s="6">
        <v>28</v>
      </c>
      <c r="E23" s="6">
        <v>1</v>
      </c>
      <c r="F23" s="13">
        <v>757</v>
      </c>
      <c r="G23" s="1"/>
    </row>
    <row r="24" spans="1:7">
      <c r="A24" s="61"/>
      <c r="B24" s="5">
        <v>0.1</v>
      </c>
      <c r="C24" s="5">
        <v>0.86099999999999999</v>
      </c>
      <c r="D24" s="5">
        <v>3.6999999999999998E-2</v>
      </c>
      <c r="E24" s="5">
        <v>1E-3</v>
      </c>
      <c r="F24" s="12">
        <v>1</v>
      </c>
      <c r="G24" s="1"/>
    </row>
    <row r="25" spans="1:7">
      <c r="A25" s="56" t="s">
        <v>29</v>
      </c>
      <c r="B25" s="4">
        <v>165</v>
      </c>
      <c r="C25" s="4">
        <v>1947</v>
      </c>
      <c r="D25" s="4">
        <v>202</v>
      </c>
      <c r="E25" s="4">
        <v>2</v>
      </c>
      <c r="F25" s="37">
        <v>2316</v>
      </c>
      <c r="G25" s="1"/>
    </row>
    <row r="26" spans="1:7">
      <c r="A26" s="61"/>
      <c r="B26" s="5">
        <v>7.0999999999999994E-2</v>
      </c>
      <c r="C26" s="5">
        <v>0.84099999999999997</v>
      </c>
      <c r="D26" s="5">
        <v>8.6999999999999994E-2</v>
      </c>
      <c r="E26" s="5">
        <v>1E-3</v>
      </c>
      <c r="F26" s="12">
        <v>1</v>
      </c>
      <c r="G26" s="1"/>
    </row>
    <row r="27" spans="1:7">
      <c r="A27" s="73" t="s">
        <v>258</v>
      </c>
      <c r="B27" s="81" t="s">
        <v>264</v>
      </c>
      <c r="C27" s="82"/>
      <c r="D27" s="82"/>
      <c r="E27" s="82"/>
      <c r="F27" s="82"/>
      <c r="G27" s="1"/>
    </row>
    <row r="28" spans="1:7" ht="42.75">
      <c r="A28" s="77"/>
      <c r="B28" s="14" t="s">
        <v>153</v>
      </c>
      <c r="C28" s="14" t="s">
        <v>155</v>
      </c>
      <c r="D28" s="14" t="s">
        <v>265</v>
      </c>
      <c r="E28" s="14" t="s">
        <v>171</v>
      </c>
      <c r="F28" s="14" t="s">
        <v>29</v>
      </c>
      <c r="G28" s="1"/>
    </row>
    <row r="29" spans="1:7">
      <c r="A29" s="56" t="s">
        <v>190</v>
      </c>
      <c r="B29" s="4">
        <v>43</v>
      </c>
      <c r="C29" s="4">
        <v>621</v>
      </c>
      <c r="D29" s="4">
        <v>123</v>
      </c>
      <c r="E29" s="4">
        <v>1</v>
      </c>
      <c r="F29" s="13">
        <v>788</v>
      </c>
      <c r="G29" s="1"/>
    </row>
    <row r="30" spans="1:7">
      <c r="A30" s="61"/>
      <c r="B30" s="5">
        <v>5.5E-2</v>
      </c>
      <c r="C30" s="5">
        <v>0.78800000000000003</v>
      </c>
      <c r="D30" s="5">
        <v>0.156</v>
      </c>
      <c r="E30" s="5">
        <v>1E-3</v>
      </c>
      <c r="F30" s="12">
        <v>1</v>
      </c>
      <c r="G30" s="1"/>
    </row>
    <row r="31" spans="1:7">
      <c r="A31" s="56" t="s">
        <v>191</v>
      </c>
      <c r="B31" s="4">
        <v>122</v>
      </c>
      <c r="C31" s="4">
        <v>1326</v>
      </c>
      <c r="D31" s="4">
        <v>79</v>
      </c>
      <c r="E31" s="4">
        <v>1</v>
      </c>
      <c r="F31" s="37">
        <v>1528</v>
      </c>
      <c r="G31" s="1"/>
    </row>
    <row r="32" spans="1:7">
      <c r="A32" s="61"/>
      <c r="B32" s="5">
        <v>0.08</v>
      </c>
      <c r="C32" s="5">
        <v>0.86799999999999999</v>
      </c>
      <c r="D32" s="5">
        <v>5.1999999999999998E-2</v>
      </c>
      <c r="E32" s="5">
        <v>1E-3</v>
      </c>
      <c r="F32" s="12">
        <v>1</v>
      </c>
      <c r="G32" s="1"/>
    </row>
    <row r="33" spans="1:7">
      <c r="A33" s="56" t="s">
        <v>29</v>
      </c>
      <c r="B33" s="4">
        <v>165</v>
      </c>
      <c r="C33" s="4">
        <v>1947</v>
      </c>
      <c r="D33" s="4">
        <v>202</v>
      </c>
      <c r="E33" s="4">
        <v>2</v>
      </c>
      <c r="F33" s="37">
        <v>2316</v>
      </c>
      <c r="G33" s="1"/>
    </row>
    <row r="34" spans="1:7">
      <c r="A34" s="61"/>
      <c r="B34" s="5">
        <v>7.0999999999999994E-2</v>
      </c>
      <c r="C34" s="5">
        <v>0.84099999999999997</v>
      </c>
      <c r="D34" s="5">
        <v>8.6999999999999994E-2</v>
      </c>
      <c r="E34" s="5">
        <v>1E-3</v>
      </c>
      <c r="F34" s="12">
        <v>1</v>
      </c>
      <c r="G34" s="1"/>
    </row>
    <row r="35" spans="1:7">
      <c r="A35" s="73" t="s">
        <v>253</v>
      </c>
      <c r="B35" s="81" t="s">
        <v>264</v>
      </c>
      <c r="C35" s="82"/>
      <c r="D35" s="82"/>
      <c r="E35" s="82"/>
      <c r="F35" s="82"/>
      <c r="G35" s="1"/>
    </row>
    <row r="36" spans="1:7" ht="42.75">
      <c r="A36" s="77"/>
      <c r="B36" s="14" t="s">
        <v>153</v>
      </c>
      <c r="C36" s="14" t="s">
        <v>155</v>
      </c>
      <c r="D36" s="14" t="s">
        <v>265</v>
      </c>
      <c r="E36" s="14" t="s">
        <v>171</v>
      </c>
      <c r="F36" s="14" t="s">
        <v>29</v>
      </c>
      <c r="G36" s="1"/>
    </row>
    <row r="37" spans="1:7">
      <c r="A37" s="56" t="s">
        <v>190</v>
      </c>
      <c r="B37" s="4">
        <v>150</v>
      </c>
      <c r="C37" s="4">
        <v>1898</v>
      </c>
      <c r="D37" s="4">
        <v>201</v>
      </c>
      <c r="E37" s="4">
        <v>2</v>
      </c>
      <c r="F37" s="37">
        <v>2251</v>
      </c>
      <c r="G37" s="1"/>
    </row>
    <row r="38" spans="1:7">
      <c r="A38" s="61"/>
      <c r="B38" s="5">
        <v>6.7000000000000004E-2</v>
      </c>
      <c r="C38" s="5">
        <v>0.84299999999999997</v>
      </c>
      <c r="D38" s="5">
        <v>8.8999999999999996E-2</v>
      </c>
      <c r="E38" s="5">
        <v>1E-3</v>
      </c>
      <c r="F38" s="12">
        <v>1</v>
      </c>
      <c r="G38" s="1"/>
    </row>
    <row r="39" spans="1:7">
      <c r="A39" s="56" t="s">
        <v>191</v>
      </c>
      <c r="B39" s="6">
        <v>15</v>
      </c>
      <c r="C39" s="6">
        <v>49</v>
      </c>
      <c r="D39" s="6">
        <v>1</v>
      </c>
      <c r="E39" s="6">
        <v>0</v>
      </c>
      <c r="F39" s="13">
        <v>65</v>
      </c>
      <c r="G39" s="1"/>
    </row>
    <row r="40" spans="1:7">
      <c r="A40" s="61"/>
      <c r="B40" s="5">
        <v>0.23100000000000001</v>
      </c>
      <c r="C40" s="5">
        <v>0.754</v>
      </c>
      <c r="D40" s="5">
        <v>1.4999999999999999E-2</v>
      </c>
      <c r="E40" s="5">
        <v>0</v>
      </c>
      <c r="F40" s="12">
        <v>1</v>
      </c>
      <c r="G40" s="1"/>
    </row>
    <row r="41" spans="1:7">
      <c r="A41" s="56" t="s">
        <v>29</v>
      </c>
      <c r="B41" s="4">
        <v>165</v>
      </c>
      <c r="C41" s="4">
        <v>1947</v>
      </c>
      <c r="D41" s="4">
        <v>202</v>
      </c>
      <c r="E41" s="4">
        <v>2</v>
      </c>
      <c r="F41" s="37">
        <v>2316</v>
      </c>
      <c r="G41" s="1"/>
    </row>
    <row r="42" spans="1:7">
      <c r="A42" s="61"/>
      <c r="B42" s="5">
        <v>7.0999999999999994E-2</v>
      </c>
      <c r="C42" s="5">
        <v>0.84099999999999997</v>
      </c>
      <c r="D42" s="5">
        <v>8.6999999999999994E-2</v>
      </c>
      <c r="E42" s="5">
        <v>1E-3</v>
      </c>
      <c r="F42" s="12">
        <v>1</v>
      </c>
      <c r="G42" s="1"/>
    </row>
    <row r="43" spans="1:7" ht="14.25" customHeight="1">
      <c r="A43" s="29" t="s">
        <v>266</v>
      </c>
      <c r="B43" s="29"/>
      <c r="C43" s="29"/>
      <c r="D43" s="29"/>
      <c r="E43" s="29"/>
      <c r="F43" s="1"/>
      <c r="G43" s="1"/>
    </row>
    <row r="44" spans="1:7">
      <c r="A44" s="30"/>
      <c r="B44" s="30"/>
      <c r="C44" s="30"/>
      <c r="D44" s="30"/>
      <c r="E44" s="30"/>
      <c r="F44" s="1"/>
      <c r="G44" s="1"/>
    </row>
  </sheetData>
  <mergeCells count="25">
    <mergeCell ref="A11:A12"/>
    <mergeCell ref="B11:F11"/>
    <mergeCell ref="A3:A4"/>
    <mergeCell ref="B3:F3"/>
    <mergeCell ref="A5:A6"/>
    <mergeCell ref="A7:A8"/>
    <mergeCell ref="A9:A10"/>
    <mergeCell ref="A17:A18"/>
    <mergeCell ref="A19:A20"/>
    <mergeCell ref="B19:F19"/>
    <mergeCell ref="A13:A14"/>
    <mergeCell ref="A15:A16"/>
    <mergeCell ref="B35:F35"/>
    <mergeCell ref="A27:A28"/>
    <mergeCell ref="B27:F27"/>
    <mergeCell ref="A29:A30"/>
    <mergeCell ref="A21:A22"/>
    <mergeCell ref="A23:A24"/>
    <mergeCell ref="A25:A26"/>
    <mergeCell ref="A37:A38"/>
    <mergeCell ref="A39:A40"/>
    <mergeCell ref="A41:A42"/>
    <mergeCell ref="A31:A32"/>
    <mergeCell ref="A33:A34"/>
    <mergeCell ref="A35:A36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6"/>
  <sheetViews>
    <sheetView workbookViewId="0">
      <selection activeCell="A2" sqref="A2"/>
    </sheetView>
  </sheetViews>
  <sheetFormatPr defaultRowHeight="14.25"/>
  <cols>
    <col min="1" max="1" width="17.875" customWidth="1"/>
    <col min="8" max="8" width="17.875" customWidth="1"/>
  </cols>
  <sheetData>
    <row r="1" spans="1:12">
      <c r="A1" s="1" t="s">
        <v>806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</row>
    <row r="2" spans="1:12">
      <c r="A2" s="41" t="s">
        <v>812</v>
      </c>
      <c r="B2" s="1"/>
      <c r="C2" s="1"/>
      <c r="D2" s="1"/>
      <c r="E2" s="1"/>
    </row>
    <row r="3" spans="1:12">
      <c r="A3" s="73" t="s">
        <v>255</v>
      </c>
      <c r="B3" s="53" t="s">
        <v>264</v>
      </c>
      <c r="C3" s="53"/>
      <c r="D3" s="53"/>
      <c r="E3" s="53"/>
      <c r="F3" s="53"/>
    </row>
    <row r="4" spans="1:12" ht="42.75">
      <c r="A4" s="77"/>
      <c r="B4" s="14" t="s">
        <v>153</v>
      </c>
      <c r="C4" s="14" t="s">
        <v>155</v>
      </c>
      <c r="D4" s="14" t="s">
        <v>265</v>
      </c>
      <c r="E4" s="14" t="s">
        <v>171</v>
      </c>
      <c r="F4" s="14" t="s">
        <v>29</v>
      </c>
    </row>
    <row r="5" spans="1:12">
      <c r="A5" s="56" t="s">
        <v>190</v>
      </c>
      <c r="B5" s="4">
        <v>76</v>
      </c>
      <c r="C5" s="4">
        <v>1945</v>
      </c>
      <c r="D5" s="4">
        <v>200</v>
      </c>
      <c r="E5" s="4">
        <v>2</v>
      </c>
      <c r="F5" s="37">
        <v>2223</v>
      </c>
    </row>
    <row r="6" spans="1:12">
      <c r="A6" s="61"/>
      <c r="B6" s="5">
        <v>3.4000000000000002E-2</v>
      </c>
      <c r="C6" s="5">
        <v>0.875</v>
      </c>
      <c r="D6" s="5">
        <v>0.09</v>
      </c>
      <c r="E6" s="5">
        <v>1E-3</v>
      </c>
      <c r="F6" s="12">
        <v>1</v>
      </c>
    </row>
    <row r="7" spans="1:12">
      <c r="A7" s="56" t="s">
        <v>191</v>
      </c>
      <c r="B7" s="6">
        <v>89</v>
      </c>
      <c r="C7" s="6">
        <v>2</v>
      </c>
      <c r="D7" s="6">
        <v>2</v>
      </c>
      <c r="E7" s="6">
        <v>0</v>
      </c>
      <c r="F7" s="13">
        <v>93</v>
      </c>
    </row>
    <row r="8" spans="1:12">
      <c r="A8" s="61"/>
      <c r="B8" s="5">
        <v>0.95699999999999996</v>
      </c>
      <c r="C8" s="5">
        <v>2.1999999999999999E-2</v>
      </c>
      <c r="D8" s="5">
        <v>2.1999999999999999E-2</v>
      </c>
      <c r="E8" s="5">
        <v>0</v>
      </c>
      <c r="F8" s="12">
        <v>1</v>
      </c>
    </row>
    <row r="9" spans="1:12">
      <c r="A9" s="56" t="s">
        <v>29</v>
      </c>
      <c r="B9" s="4">
        <v>165</v>
      </c>
      <c r="C9" s="4">
        <v>1947</v>
      </c>
      <c r="D9" s="4">
        <v>202</v>
      </c>
      <c r="E9" s="4">
        <v>2</v>
      </c>
      <c r="F9" s="37">
        <v>2316</v>
      </c>
    </row>
    <row r="10" spans="1:12">
      <c r="A10" s="61"/>
      <c r="B10" s="5">
        <v>7.0999999999999994E-2</v>
      </c>
      <c r="C10" s="5">
        <v>0.84099999999999997</v>
      </c>
      <c r="D10" s="5">
        <v>8.6999999999999994E-2</v>
      </c>
      <c r="E10" s="5">
        <v>1E-3</v>
      </c>
      <c r="F10" s="12">
        <v>1</v>
      </c>
    </row>
    <row r="11" spans="1:12">
      <c r="A11" s="73" t="s">
        <v>257</v>
      </c>
      <c r="B11" s="81" t="s">
        <v>264</v>
      </c>
      <c r="C11" s="82"/>
      <c r="D11" s="82"/>
      <c r="E11" s="82"/>
      <c r="F11" s="82"/>
    </row>
    <row r="12" spans="1:12" ht="42.75">
      <c r="A12" s="77"/>
      <c r="B12" s="14" t="s">
        <v>153</v>
      </c>
      <c r="C12" s="14" t="s">
        <v>155</v>
      </c>
      <c r="D12" s="14" t="s">
        <v>265</v>
      </c>
      <c r="E12" s="14" t="s">
        <v>171</v>
      </c>
      <c r="F12" s="14" t="s">
        <v>29</v>
      </c>
    </row>
    <row r="13" spans="1:12">
      <c r="A13" s="56" t="s">
        <v>190</v>
      </c>
      <c r="B13" s="4">
        <v>161</v>
      </c>
      <c r="C13" s="4">
        <v>1847</v>
      </c>
      <c r="D13" s="4">
        <v>192</v>
      </c>
      <c r="E13" s="4">
        <v>2</v>
      </c>
      <c r="F13" s="37">
        <v>2202</v>
      </c>
    </row>
    <row r="14" spans="1:12">
      <c r="A14" s="61"/>
      <c r="B14" s="5">
        <v>7.2999999999999995E-2</v>
      </c>
      <c r="C14" s="5">
        <v>0.83899999999999997</v>
      </c>
      <c r="D14" s="5">
        <v>8.6999999999999994E-2</v>
      </c>
      <c r="E14" s="5">
        <v>1E-3</v>
      </c>
      <c r="F14" s="12">
        <v>1</v>
      </c>
    </row>
    <row r="15" spans="1:12">
      <c r="A15" s="56" t="s">
        <v>191</v>
      </c>
      <c r="B15" s="6">
        <v>4</v>
      </c>
      <c r="C15" s="6">
        <v>100</v>
      </c>
      <c r="D15" s="6">
        <v>10</v>
      </c>
      <c r="E15" s="6">
        <v>0</v>
      </c>
      <c r="F15" s="13">
        <v>114</v>
      </c>
    </row>
    <row r="16" spans="1:12">
      <c r="A16" s="61"/>
      <c r="B16" s="5">
        <v>3.5000000000000003E-2</v>
      </c>
      <c r="C16" s="5">
        <v>0.877</v>
      </c>
      <c r="D16" s="5">
        <v>8.7999999999999995E-2</v>
      </c>
      <c r="E16" s="5">
        <v>0</v>
      </c>
      <c r="F16" s="12">
        <v>1</v>
      </c>
    </row>
    <row r="17" spans="1:6">
      <c r="A17" s="56" t="s">
        <v>29</v>
      </c>
      <c r="B17" s="4">
        <v>165</v>
      </c>
      <c r="C17" s="4">
        <v>1947</v>
      </c>
      <c r="D17" s="4">
        <v>202</v>
      </c>
      <c r="E17" s="4">
        <v>2</v>
      </c>
      <c r="F17" s="37">
        <v>2316</v>
      </c>
    </row>
    <row r="18" spans="1:6">
      <c r="A18" s="61"/>
      <c r="B18" s="5">
        <v>7.0999999999999994E-2</v>
      </c>
      <c r="C18" s="5">
        <v>0.84099999999999997</v>
      </c>
      <c r="D18" s="5">
        <v>8.6999999999999994E-2</v>
      </c>
      <c r="E18" s="5">
        <v>1E-3</v>
      </c>
      <c r="F18" s="12">
        <v>1</v>
      </c>
    </row>
    <row r="19" spans="1:6">
      <c r="A19" s="73" t="s">
        <v>259</v>
      </c>
      <c r="B19" s="81" t="s">
        <v>264</v>
      </c>
      <c r="C19" s="82"/>
      <c r="D19" s="82"/>
      <c r="E19" s="82"/>
      <c r="F19" s="82"/>
    </row>
    <row r="20" spans="1:6" ht="42.75">
      <c r="A20" s="77"/>
      <c r="B20" s="14" t="s">
        <v>153</v>
      </c>
      <c r="C20" s="14" t="s">
        <v>155</v>
      </c>
      <c r="D20" s="14" t="s">
        <v>265</v>
      </c>
      <c r="E20" s="14" t="s">
        <v>171</v>
      </c>
      <c r="F20" s="14" t="s">
        <v>29</v>
      </c>
    </row>
    <row r="21" spans="1:6">
      <c r="A21" s="56" t="s">
        <v>190</v>
      </c>
      <c r="B21" s="4">
        <v>164</v>
      </c>
      <c r="C21" s="4">
        <v>1942</v>
      </c>
      <c r="D21" s="4">
        <v>202</v>
      </c>
      <c r="E21" s="4">
        <v>2</v>
      </c>
      <c r="F21" s="37">
        <v>2310</v>
      </c>
    </row>
    <row r="22" spans="1:6">
      <c r="A22" s="61"/>
      <c r="B22" s="5">
        <v>7.0999999999999994E-2</v>
      </c>
      <c r="C22" s="5">
        <v>0.84099999999999997</v>
      </c>
      <c r="D22" s="5">
        <v>8.6999999999999994E-2</v>
      </c>
      <c r="E22" s="5">
        <v>1E-3</v>
      </c>
      <c r="F22" s="12">
        <v>1</v>
      </c>
    </row>
    <row r="23" spans="1:6">
      <c r="A23" s="56" t="s">
        <v>191</v>
      </c>
      <c r="B23" s="6">
        <v>1</v>
      </c>
      <c r="C23" s="6">
        <v>5</v>
      </c>
      <c r="D23" s="6">
        <v>0</v>
      </c>
      <c r="E23" s="6">
        <v>0</v>
      </c>
      <c r="F23" s="13">
        <v>6</v>
      </c>
    </row>
    <row r="24" spans="1:6">
      <c r="A24" s="61"/>
      <c r="B24" s="5">
        <v>0.16700000000000001</v>
      </c>
      <c r="C24" s="5">
        <v>0.83299999999999996</v>
      </c>
      <c r="D24" s="5">
        <v>0</v>
      </c>
      <c r="E24" s="5">
        <v>0</v>
      </c>
      <c r="F24" s="12">
        <v>1</v>
      </c>
    </row>
    <row r="25" spans="1:6">
      <c r="A25" s="56" t="s">
        <v>29</v>
      </c>
      <c r="B25" s="4">
        <v>165</v>
      </c>
      <c r="C25" s="4">
        <v>1947</v>
      </c>
      <c r="D25" s="4">
        <v>202</v>
      </c>
      <c r="E25" s="4">
        <v>2</v>
      </c>
      <c r="F25" s="37">
        <v>2316</v>
      </c>
    </row>
    <row r="26" spans="1:6">
      <c r="A26" s="61"/>
      <c r="B26" s="5">
        <v>7.0999999999999994E-2</v>
      </c>
      <c r="C26" s="5">
        <v>0.84099999999999997</v>
      </c>
      <c r="D26" s="5">
        <v>8.6999999999999994E-2</v>
      </c>
      <c r="E26" s="5">
        <v>1E-3</v>
      </c>
      <c r="F26" s="12">
        <v>1</v>
      </c>
    </row>
    <row r="27" spans="1:6">
      <c r="A27" s="73" t="s">
        <v>260</v>
      </c>
      <c r="B27" s="81" t="s">
        <v>264</v>
      </c>
      <c r="C27" s="82"/>
      <c r="D27" s="82"/>
      <c r="E27" s="82"/>
      <c r="F27" s="82"/>
    </row>
    <row r="28" spans="1:6" ht="42.75">
      <c r="A28" s="77"/>
      <c r="B28" s="14" t="s">
        <v>153</v>
      </c>
      <c r="C28" s="14" t="s">
        <v>155</v>
      </c>
      <c r="D28" s="14" t="s">
        <v>265</v>
      </c>
      <c r="E28" s="14" t="s">
        <v>171</v>
      </c>
      <c r="F28" s="14" t="s">
        <v>29</v>
      </c>
    </row>
    <row r="29" spans="1:6">
      <c r="A29" s="56" t="s">
        <v>190</v>
      </c>
      <c r="B29" s="4">
        <v>159</v>
      </c>
      <c r="C29" s="4">
        <v>1911</v>
      </c>
      <c r="D29" s="4">
        <v>200</v>
      </c>
      <c r="E29" s="4">
        <v>2</v>
      </c>
      <c r="F29" s="37">
        <v>2272</v>
      </c>
    </row>
    <row r="30" spans="1:6">
      <c r="A30" s="61"/>
      <c r="B30" s="5">
        <v>7.0000000000000007E-2</v>
      </c>
      <c r="C30" s="5">
        <v>0.84099999999999997</v>
      </c>
      <c r="D30" s="5">
        <v>8.7999999999999995E-2</v>
      </c>
      <c r="E30" s="5">
        <v>1E-3</v>
      </c>
      <c r="F30" s="12">
        <v>1</v>
      </c>
    </row>
    <row r="31" spans="1:6">
      <c r="A31" s="56" t="s">
        <v>191</v>
      </c>
      <c r="B31" s="6">
        <v>6</v>
      </c>
      <c r="C31" s="6">
        <v>36</v>
      </c>
      <c r="D31" s="6">
        <v>2</v>
      </c>
      <c r="E31" s="6">
        <v>0</v>
      </c>
      <c r="F31" s="13">
        <v>44</v>
      </c>
    </row>
    <row r="32" spans="1:6">
      <c r="A32" s="61"/>
      <c r="B32" s="5">
        <v>0.13600000000000001</v>
      </c>
      <c r="C32" s="5">
        <v>0.81799999999999995</v>
      </c>
      <c r="D32" s="5">
        <v>4.4999999999999998E-2</v>
      </c>
      <c r="E32" s="5">
        <v>0</v>
      </c>
      <c r="F32" s="12">
        <v>1</v>
      </c>
    </row>
    <row r="33" spans="1:6">
      <c r="A33" s="56" t="s">
        <v>29</v>
      </c>
      <c r="B33" s="4">
        <v>165</v>
      </c>
      <c r="C33" s="4">
        <v>1947</v>
      </c>
      <c r="D33" s="4">
        <v>202</v>
      </c>
      <c r="E33" s="4">
        <v>2</v>
      </c>
      <c r="F33" s="37">
        <v>2316</v>
      </c>
    </row>
    <row r="34" spans="1:6">
      <c r="A34" s="61"/>
      <c r="B34" s="5">
        <v>7.0999999999999994E-2</v>
      </c>
      <c r="C34" s="5">
        <v>0.84099999999999997</v>
      </c>
      <c r="D34" s="5">
        <v>8.6999999999999994E-2</v>
      </c>
      <c r="E34" s="5">
        <v>1E-3</v>
      </c>
      <c r="F34" s="12">
        <v>1</v>
      </c>
    </row>
    <row r="35" spans="1:6">
      <c r="A35" s="54" t="s">
        <v>266</v>
      </c>
      <c r="B35" s="54"/>
      <c r="C35" s="54"/>
      <c r="D35" s="54"/>
      <c r="E35" s="54"/>
    </row>
    <row r="36" spans="1:6">
      <c r="A36" s="55"/>
      <c r="B36" s="55"/>
      <c r="C36" s="55"/>
      <c r="D36" s="55"/>
      <c r="E36" s="55"/>
    </row>
  </sheetData>
  <mergeCells count="21">
    <mergeCell ref="B3:F3"/>
    <mergeCell ref="A3:A4"/>
    <mergeCell ref="B11:F11"/>
    <mergeCell ref="A5:A6"/>
    <mergeCell ref="A7:A8"/>
    <mergeCell ref="A9:A10"/>
    <mergeCell ref="A11:A12"/>
    <mergeCell ref="A21:A22"/>
    <mergeCell ref="A23:A24"/>
    <mergeCell ref="A25:A26"/>
    <mergeCell ref="A13:A14"/>
    <mergeCell ref="B19:F19"/>
    <mergeCell ref="A15:A16"/>
    <mergeCell ref="A17:A18"/>
    <mergeCell ref="A19:A20"/>
    <mergeCell ref="A31:A32"/>
    <mergeCell ref="A33:A34"/>
    <mergeCell ref="A35:E36"/>
    <mergeCell ref="A27:A28"/>
    <mergeCell ref="A29:A30"/>
    <mergeCell ref="B27:F27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4"/>
  <sheetViews>
    <sheetView workbookViewId="0">
      <selection activeCell="A2" sqref="A2"/>
    </sheetView>
  </sheetViews>
  <sheetFormatPr defaultRowHeight="14.25"/>
  <cols>
    <col min="1" max="1" width="17.875" customWidth="1"/>
  </cols>
  <sheetData>
    <row r="1" spans="1:8">
      <c r="A1" s="1" t="s">
        <v>809</v>
      </c>
      <c r="B1" s="1"/>
      <c r="C1" s="1"/>
      <c r="D1" s="1"/>
      <c r="E1" s="1"/>
      <c r="F1" s="1"/>
      <c r="G1" s="1"/>
      <c r="H1" s="1"/>
    </row>
    <row r="2" spans="1:8">
      <c r="A2" s="41" t="s">
        <v>812</v>
      </c>
      <c r="B2" s="1"/>
      <c r="C2" s="7"/>
      <c r="D2" s="7"/>
      <c r="E2" s="7"/>
      <c r="F2" s="7"/>
      <c r="G2" s="7"/>
      <c r="H2" s="1"/>
    </row>
    <row r="3" spans="1:8">
      <c r="A3" s="73" t="s">
        <v>251</v>
      </c>
      <c r="B3" s="53" t="s">
        <v>267</v>
      </c>
      <c r="C3" s="53"/>
      <c r="D3" s="53"/>
      <c r="E3" s="53"/>
      <c r="F3" s="53"/>
      <c r="G3" s="53"/>
      <c r="H3" s="2"/>
    </row>
    <row r="4" spans="1:8" ht="28.5">
      <c r="A4" s="77"/>
      <c r="B4" s="8" t="s">
        <v>268</v>
      </c>
      <c r="C4" s="8" t="s">
        <v>269</v>
      </c>
      <c r="D4" s="14" t="s">
        <v>167</v>
      </c>
      <c r="E4" s="14" t="s">
        <v>270</v>
      </c>
      <c r="F4" s="8" t="s">
        <v>27</v>
      </c>
      <c r="G4" s="8" t="s">
        <v>28</v>
      </c>
      <c r="H4" s="1"/>
    </row>
    <row r="5" spans="1:8">
      <c r="A5" s="56" t="s">
        <v>190</v>
      </c>
      <c r="B5" s="4">
        <v>107</v>
      </c>
      <c r="C5" s="4">
        <v>35</v>
      </c>
      <c r="D5" s="4">
        <v>10</v>
      </c>
      <c r="E5" s="4">
        <v>8</v>
      </c>
      <c r="F5" s="4">
        <v>3</v>
      </c>
      <c r="G5" s="4">
        <v>163</v>
      </c>
      <c r="H5" s="1"/>
    </row>
    <row r="6" spans="1:8">
      <c r="A6" s="61"/>
      <c r="B6" s="5">
        <v>0.65600000000000003</v>
      </c>
      <c r="C6" s="5">
        <v>0.215</v>
      </c>
      <c r="D6" s="5">
        <v>6.0999999999999999E-2</v>
      </c>
      <c r="E6" s="5">
        <v>4.9000000000000002E-2</v>
      </c>
      <c r="F6" s="5">
        <v>1.7999999999999999E-2</v>
      </c>
      <c r="G6" s="5">
        <v>1</v>
      </c>
      <c r="H6" s="1"/>
    </row>
    <row r="7" spans="1:8">
      <c r="A7" s="56" t="s">
        <v>191</v>
      </c>
      <c r="B7" s="6">
        <v>1</v>
      </c>
      <c r="C7" s="6">
        <v>1</v>
      </c>
      <c r="D7" s="6">
        <v>0</v>
      </c>
      <c r="E7" s="6">
        <v>0</v>
      </c>
      <c r="F7" s="6">
        <v>0</v>
      </c>
      <c r="G7" s="6">
        <v>2</v>
      </c>
      <c r="H7" s="1"/>
    </row>
    <row r="8" spans="1:8">
      <c r="A8" s="61"/>
      <c r="B8" s="5">
        <v>0.5</v>
      </c>
      <c r="C8" s="5">
        <v>0.5</v>
      </c>
      <c r="D8" s="5">
        <v>0</v>
      </c>
      <c r="E8" s="5">
        <v>0</v>
      </c>
      <c r="F8" s="5">
        <v>0</v>
      </c>
      <c r="G8" s="5">
        <v>1</v>
      </c>
      <c r="H8" s="1"/>
    </row>
    <row r="9" spans="1:8">
      <c r="A9" s="56" t="s">
        <v>29</v>
      </c>
      <c r="B9" s="6">
        <v>108</v>
      </c>
      <c r="C9" s="6">
        <v>36</v>
      </c>
      <c r="D9" s="6">
        <v>10</v>
      </c>
      <c r="E9" s="6">
        <v>8</v>
      </c>
      <c r="F9" s="6">
        <v>3</v>
      </c>
      <c r="G9" s="6">
        <v>165</v>
      </c>
      <c r="H9" s="1"/>
    </row>
    <row r="10" spans="1:8">
      <c r="A10" s="61"/>
      <c r="B10" s="5">
        <v>0.65500000000000003</v>
      </c>
      <c r="C10" s="5">
        <v>0.218</v>
      </c>
      <c r="D10" s="5">
        <v>6.0999999999999999E-2</v>
      </c>
      <c r="E10" s="5">
        <v>4.8000000000000001E-2</v>
      </c>
      <c r="F10" s="5">
        <v>1.7999999999999999E-2</v>
      </c>
      <c r="G10" s="5">
        <v>1</v>
      </c>
      <c r="H10" s="1"/>
    </row>
    <row r="11" spans="1:8">
      <c r="A11" s="73" t="s">
        <v>254</v>
      </c>
      <c r="B11" s="53" t="s">
        <v>267</v>
      </c>
      <c r="C11" s="53"/>
      <c r="D11" s="53"/>
      <c r="E11" s="53"/>
      <c r="F11" s="53"/>
      <c r="G11" s="53"/>
      <c r="H11" s="1"/>
    </row>
    <row r="12" spans="1:8" ht="28.5">
      <c r="A12" s="77"/>
      <c r="B12" s="8" t="s">
        <v>268</v>
      </c>
      <c r="C12" s="8" t="s">
        <v>269</v>
      </c>
      <c r="D12" s="14" t="s">
        <v>167</v>
      </c>
      <c r="E12" s="14" t="s">
        <v>270</v>
      </c>
      <c r="F12" s="8" t="s">
        <v>27</v>
      </c>
      <c r="G12" s="8" t="s">
        <v>28</v>
      </c>
      <c r="H12" s="1"/>
    </row>
    <row r="13" spans="1:8">
      <c r="A13" s="56" t="s">
        <v>190</v>
      </c>
      <c r="B13" s="4">
        <v>25</v>
      </c>
      <c r="C13" s="4">
        <v>13</v>
      </c>
      <c r="D13" s="4">
        <v>6</v>
      </c>
      <c r="E13" s="4">
        <v>3</v>
      </c>
      <c r="F13" s="4">
        <v>0</v>
      </c>
      <c r="G13" s="4">
        <v>47</v>
      </c>
      <c r="H13" s="1"/>
    </row>
    <row r="14" spans="1:8">
      <c r="A14" s="61"/>
      <c r="B14" s="5">
        <v>0.53200000000000003</v>
      </c>
      <c r="C14" s="5">
        <v>0.27700000000000002</v>
      </c>
      <c r="D14" s="5">
        <v>0.128</v>
      </c>
      <c r="E14" s="5">
        <v>6.4000000000000001E-2</v>
      </c>
      <c r="F14" s="5">
        <v>0</v>
      </c>
      <c r="G14" s="5">
        <v>1</v>
      </c>
      <c r="H14" s="1"/>
    </row>
    <row r="15" spans="1:8">
      <c r="A15" s="56" t="s">
        <v>191</v>
      </c>
      <c r="B15" s="6">
        <v>83</v>
      </c>
      <c r="C15" s="6">
        <v>23</v>
      </c>
      <c r="D15" s="6">
        <v>4</v>
      </c>
      <c r="E15" s="6">
        <v>5</v>
      </c>
      <c r="F15" s="6">
        <v>3</v>
      </c>
      <c r="G15" s="6">
        <v>118</v>
      </c>
      <c r="H15" s="1"/>
    </row>
    <row r="16" spans="1:8">
      <c r="A16" s="61"/>
      <c r="B16" s="5">
        <v>0.70299999999999996</v>
      </c>
      <c r="C16" s="5">
        <v>0.19500000000000001</v>
      </c>
      <c r="D16" s="5">
        <v>3.4000000000000002E-2</v>
      </c>
      <c r="E16" s="5">
        <v>4.2000000000000003E-2</v>
      </c>
      <c r="F16" s="5">
        <v>2.5000000000000001E-2</v>
      </c>
      <c r="G16" s="5">
        <v>1</v>
      </c>
      <c r="H16" s="1"/>
    </row>
    <row r="17" spans="1:8">
      <c r="A17" s="56" t="s">
        <v>29</v>
      </c>
      <c r="B17" s="6">
        <v>108</v>
      </c>
      <c r="C17" s="6">
        <v>36</v>
      </c>
      <c r="D17" s="6">
        <v>10</v>
      </c>
      <c r="E17" s="6">
        <v>8</v>
      </c>
      <c r="F17" s="6">
        <v>3</v>
      </c>
      <c r="G17" s="6">
        <v>165</v>
      </c>
      <c r="H17" s="1"/>
    </row>
    <row r="18" spans="1:8">
      <c r="A18" s="61"/>
      <c r="B18" s="5">
        <v>0.65500000000000003</v>
      </c>
      <c r="C18" s="5">
        <v>0.218</v>
      </c>
      <c r="D18" s="5">
        <v>6.0999999999999999E-2</v>
      </c>
      <c r="E18" s="5">
        <v>4.8000000000000001E-2</v>
      </c>
      <c r="F18" s="5">
        <v>1.7999999999999999E-2</v>
      </c>
      <c r="G18" s="5">
        <v>1</v>
      </c>
      <c r="H18" s="1"/>
    </row>
    <row r="19" spans="1:8">
      <c r="A19" s="73" t="s">
        <v>256</v>
      </c>
      <c r="B19" s="53" t="s">
        <v>267</v>
      </c>
      <c r="C19" s="53"/>
      <c r="D19" s="53"/>
      <c r="E19" s="53"/>
      <c r="F19" s="53"/>
      <c r="G19" s="53"/>
      <c r="H19" s="1"/>
    </row>
    <row r="20" spans="1:8" ht="28.5">
      <c r="A20" s="77"/>
      <c r="B20" s="8" t="s">
        <v>268</v>
      </c>
      <c r="C20" s="8" t="s">
        <v>269</v>
      </c>
      <c r="D20" s="14" t="s">
        <v>167</v>
      </c>
      <c r="E20" s="11" t="s">
        <v>270</v>
      </c>
      <c r="F20" s="8" t="s">
        <v>27</v>
      </c>
      <c r="G20" s="8" t="s">
        <v>28</v>
      </c>
      <c r="H20" s="1"/>
    </row>
    <row r="21" spans="1:8">
      <c r="A21" s="56" t="s">
        <v>190</v>
      </c>
      <c r="B21" s="4">
        <v>61</v>
      </c>
      <c r="C21" s="4">
        <v>18</v>
      </c>
      <c r="D21" s="4">
        <v>4</v>
      </c>
      <c r="E21" s="4">
        <v>3</v>
      </c>
      <c r="F21" s="4">
        <v>3</v>
      </c>
      <c r="G21" s="4">
        <v>89</v>
      </c>
      <c r="H21" s="1"/>
    </row>
    <row r="22" spans="1:8">
      <c r="A22" s="61"/>
      <c r="B22" s="5">
        <v>0.68500000000000005</v>
      </c>
      <c r="C22" s="5">
        <v>0.20200000000000001</v>
      </c>
      <c r="D22" s="5">
        <v>4.4999999999999998E-2</v>
      </c>
      <c r="E22" s="5">
        <v>3.4000000000000002E-2</v>
      </c>
      <c r="F22" s="5">
        <v>3.4000000000000002E-2</v>
      </c>
      <c r="G22" s="5">
        <v>1</v>
      </c>
      <c r="H22" s="1"/>
    </row>
    <row r="23" spans="1:8">
      <c r="A23" s="56" t="s">
        <v>191</v>
      </c>
      <c r="B23" s="6">
        <v>47</v>
      </c>
      <c r="C23" s="6">
        <v>18</v>
      </c>
      <c r="D23" s="6">
        <v>6</v>
      </c>
      <c r="E23" s="6">
        <v>5</v>
      </c>
      <c r="F23" s="6">
        <v>0</v>
      </c>
      <c r="G23" s="6">
        <v>76</v>
      </c>
      <c r="H23" s="1"/>
    </row>
    <row r="24" spans="1:8">
      <c r="A24" s="61"/>
      <c r="B24" s="5">
        <v>0.61799999999999999</v>
      </c>
      <c r="C24" s="5">
        <v>0.23699999999999999</v>
      </c>
      <c r="D24" s="5">
        <v>7.9000000000000001E-2</v>
      </c>
      <c r="E24" s="5">
        <v>6.6000000000000003E-2</v>
      </c>
      <c r="F24" s="5">
        <v>0</v>
      </c>
      <c r="G24" s="5">
        <v>1</v>
      </c>
      <c r="H24" s="1"/>
    </row>
    <row r="25" spans="1:8">
      <c r="A25" s="56" t="s">
        <v>29</v>
      </c>
      <c r="B25" s="6">
        <v>108</v>
      </c>
      <c r="C25" s="6">
        <v>36</v>
      </c>
      <c r="D25" s="6">
        <v>10</v>
      </c>
      <c r="E25" s="6">
        <v>8</v>
      </c>
      <c r="F25" s="6">
        <v>3</v>
      </c>
      <c r="G25" s="6">
        <v>165</v>
      </c>
      <c r="H25" s="1"/>
    </row>
    <row r="26" spans="1:8">
      <c r="A26" s="61"/>
      <c r="B26" s="5">
        <v>0.65500000000000003</v>
      </c>
      <c r="C26" s="5">
        <v>0.218</v>
      </c>
      <c r="D26" s="5">
        <v>6.0999999999999999E-2</v>
      </c>
      <c r="E26" s="5">
        <v>4.8000000000000001E-2</v>
      </c>
      <c r="F26" s="5">
        <v>1.7999999999999999E-2</v>
      </c>
      <c r="G26" s="5">
        <v>1</v>
      </c>
      <c r="H26" s="1"/>
    </row>
    <row r="27" spans="1:8">
      <c r="A27" s="73" t="s">
        <v>258</v>
      </c>
      <c r="B27" s="53" t="s">
        <v>267</v>
      </c>
      <c r="C27" s="53"/>
      <c r="D27" s="53"/>
      <c r="E27" s="53"/>
      <c r="F27" s="53"/>
      <c r="G27" s="53"/>
      <c r="H27" s="1"/>
    </row>
    <row r="28" spans="1:8" ht="28.5">
      <c r="A28" s="77"/>
      <c r="B28" s="8" t="s">
        <v>268</v>
      </c>
      <c r="C28" s="8" t="s">
        <v>269</v>
      </c>
      <c r="D28" s="14" t="s">
        <v>167</v>
      </c>
      <c r="E28" s="11" t="s">
        <v>270</v>
      </c>
      <c r="F28" s="8" t="s">
        <v>27</v>
      </c>
      <c r="G28" s="8" t="s">
        <v>28</v>
      </c>
      <c r="H28" s="1"/>
    </row>
    <row r="29" spans="1:8">
      <c r="A29" s="56" t="s">
        <v>190</v>
      </c>
      <c r="B29" s="4">
        <v>28</v>
      </c>
      <c r="C29" s="4">
        <v>7</v>
      </c>
      <c r="D29" s="4">
        <v>4</v>
      </c>
      <c r="E29" s="4">
        <v>3</v>
      </c>
      <c r="F29" s="4">
        <v>1</v>
      </c>
      <c r="G29" s="4">
        <v>43</v>
      </c>
      <c r="H29" s="1"/>
    </row>
    <row r="30" spans="1:8">
      <c r="A30" s="61"/>
      <c r="B30" s="5">
        <v>0.65100000000000002</v>
      </c>
      <c r="C30" s="5">
        <v>0.16300000000000001</v>
      </c>
      <c r="D30" s="5">
        <v>9.2999999999999999E-2</v>
      </c>
      <c r="E30" s="5">
        <v>7.0000000000000007E-2</v>
      </c>
      <c r="F30" s="5">
        <v>2.3E-2</v>
      </c>
      <c r="G30" s="5">
        <v>1</v>
      </c>
      <c r="H30" s="1"/>
    </row>
    <row r="31" spans="1:8">
      <c r="A31" s="56" t="s">
        <v>191</v>
      </c>
      <c r="B31" s="6">
        <v>80</v>
      </c>
      <c r="C31" s="6">
        <v>29</v>
      </c>
      <c r="D31" s="6">
        <v>6</v>
      </c>
      <c r="E31" s="6">
        <v>5</v>
      </c>
      <c r="F31" s="6">
        <v>2</v>
      </c>
      <c r="G31" s="6">
        <v>122</v>
      </c>
      <c r="H31" s="1"/>
    </row>
    <row r="32" spans="1:8">
      <c r="A32" s="61"/>
      <c r="B32" s="5">
        <v>0.65600000000000003</v>
      </c>
      <c r="C32" s="5">
        <v>0.23799999999999999</v>
      </c>
      <c r="D32" s="5">
        <v>4.9000000000000002E-2</v>
      </c>
      <c r="E32" s="5">
        <v>4.1000000000000002E-2</v>
      </c>
      <c r="F32" s="5">
        <v>1.6E-2</v>
      </c>
      <c r="G32" s="5">
        <v>1</v>
      </c>
      <c r="H32" s="1"/>
    </row>
    <row r="33" spans="1:8">
      <c r="A33" s="56" t="s">
        <v>29</v>
      </c>
      <c r="B33" s="6">
        <v>108</v>
      </c>
      <c r="C33" s="6">
        <v>36</v>
      </c>
      <c r="D33" s="6">
        <v>10</v>
      </c>
      <c r="E33" s="6">
        <v>8</v>
      </c>
      <c r="F33" s="6">
        <v>3</v>
      </c>
      <c r="G33" s="6">
        <v>165</v>
      </c>
      <c r="H33" s="1"/>
    </row>
    <row r="34" spans="1:8">
      <c r="A34" s="61"/>
      <c r="B34" s="5">
        <v>0.65500000000000003</v>
      </c>
      <c r="C34" s="5">
        <v>0.218</v>
      </c>
      <c r="D34" s="5">
        <v>6.0999999999999999E-2</v>
      </c>
      <c r="E34" s="5">
        <v>4.8000000000000001E-2</v>
      </c>
      <c r="F34" s="5">
        <v>1.7999999999999999E-2</v>
      </c>
      <c r="G34" s="5">
        <v>1</v>
      </c>
      <c r="H34" s="1"/>
    </row>
    <row r="35" spans="1:8">
      <c r="A35" s="73" t="s">
        <v>253</v>
      </c>
      <c r="B35" s="53" t="s">
        <v>267</v>
      </c>
      <c r="C35" s="53"/>
      <c r="D35" s="53"/>
      <c r="E35" s="53"/>
      <c r="F35" s="53"/>
      <c r="G35" s="53"/>
      <c r="H35" s="1"/>
    </row>
    <row r="36" spans="1:8" ht="28.5">
      <c r="A36" s="77"/>
      <c r="B36" s="8" t="s">
        <v>268</v>
      </c>
      <c r="C36" s="8" t="s">
        <v>269</v>
      </c>
      <c r="D36" s="14" t="s">
        <v>167</v>
      </c>
      <c r="E36" s="11" t="s">
        <v>270</v>
      </c>
      <c r="F36" s="8" t="s">
        <v>27</v>
      </c>
      <c r="G36" s="8" t="s">
        <v>28</v>
      </c>
      <c r="H36" s="1"/>
    </row>
    <row r="37" spans="1:8">
      <c r="A37" s="56" t="s">
        <v>190</v>
      </c>
      <c r="B37" s="4">
        <v>101</v>
      </c>
      <c r="C37" s="4">
        <v>32</v>
      </c>
      <c r="D37" s="4">
        <v>6</v>
      </c>
      <c r="E37" s="4">
        <v>8</v>
      </c>
      <c r="F37" s="4">
        <v>3</v>
      </c>
      <c r="G37" s="4">
        <v>150</v>
      </c>
      <c r="H37" s="1"/>
    </row>
    <row r="38" spans="1:8">
      <c r="A38" s="61"/>
      <c r="B38" s="5">
        <v>0.67300000000000004</v>
      </c>
      <c r="C38" s="5">
        <v>0.21299999999999999</v>
      </c>
      <c r="D38" s="5">
        <v>0.04</v>
      </c>
      <c r="E38" s="5">
        <v>5.2999999999999999E-2</v>
      </c>
      <c r="F38" s="5">
        <v>0.02</v>
      </c>
      <c r="G38" s="5">
        <v>1</v>
      </c>
      <c r="H38" s="1"/>
    </row>
    <row r="39" spans="1:8">
      <c r="A39" s="56" t="s">
        <v>191</v>
      </c>
      <c r="B39" s="6">
        <v>7</v>
      </c>
      <c r="C39" s="6">
        <v>4</v>
      </c>
      <c r="D39" s="6">
        <v>4</v>
      </c>
      <c r="E39" s="6">
        <v>0</v>
      </c>
      <c r="F39" s="6">
        <v>0</v>
      </c>
      <c r="G39" s="6">
        <v>15</v>
      </c>
      <c r="H39" s="1"/>
    </row>
    <row r="40" spans="1:8">
      <c r="A40" s="61"/>
      <c r="B40" s="5">
        <v>0.46700000000000003</v>
      </c>
      <c r="C40" s="5">
        <v>0.26700000000000002</v>
      </c>
      <c r="D40" s="5">
        <v>0.26700000000000002</v>
      </c>
      <c r="E40" s="5">
        <v>0</v>
      </c>
      <c r="F40" s="5">
        <v>0</v>
      </c>
      <c r="G40" s="5">
        <v>1</v>
      </c>
      <c r="H40" s="1"/>
    </row>
    <row r="41" spans="1:8">
      <c r="A41" s="56" t="s">
        <v>29</v>
      </c>
      <c r="B41" s="6">
        <v>108</v>
      </c>
      <c r="C41" s="6">
        <v>36</v>
      </c>
      <c r="D41" s="6">
        <v>10</v>
      </c>
      <c r="E41" s="6">
        <v>8</v>
      </c>
      <c r="F41" s="6">
        <v>3</v>
      </c>
      <c r="G41" s="6">
        <v>165</v>
      </c>
      <c r="H41" s="1"/>
    </row>
    <row r="42" spans="1:8">
      <c r="A42" s="61"/>
      <c r="B42" s="5">
        <v>0.65500000000000003</v>
      </c>
      <c r="C42" s="5">
        <v>0.218</v>
      </c>
      <c r="D42" s="5">
        <v>6.0999999999999999E-2</v>
      </c>
      <c r="E42" s="5">
        <v>4.8000000000000001E-2</v>
      </c>
      <c r="F42" s="5">
        <v>1.7999999999999999E-2</v>
      </c>
      <c r="G42" s="5">
        <v>1</v>
      </c>
      <c r="H42" s="1"/>
    </row>
    <row r="43" spans="1:8">
      <c r="A43" s="54" t="s">
        <v>263</v>
      </c>
      <c r="B43" s="54"/>
      <c r="C43" s="54"/>
      <c r="D43" s="54"/>
      <c r="E43" s="54"/>
      <c r="F43" s="54"/>
      <c r="G43" s="54"/>
      <c r="H43" s="1"/>
    </row>
    <row r="44" spans="1:8">
      <c r="A44" s="55"/>
      <c r="B44" s="55"/>
      <c r="C44" s="55"/>
      <c r="D44" s="55"/>
      <c r="E44" s="55"/>
      <c r="F44" s="55"/>
      <c r="G44" s="55"/>
      <c r="H44" s="1"/>
    </row>
  </sheetData>
  <mergeCells count="26">
    <mergeCell ref="A11:A12"/>
    <mergeCell ref="B11:G11"/>
    <mergeCell ref="A3:A4"/>
    <mergeCell ref="B3:G3"/>
    <mergeCell ref="A5:A6"/>
    <mergeCell ref="A7:A8"/>
    <mergeCell ref="A9:A10"/>
    <mergeCell ref="A17:A18"/>
    <mergeCell ref="A19:A20"/>
    <mergeCell ref="B19:G19"/>
    <mergeCell ref="A13:A14"/>
    <mergeCell ref="A15:A16"/>
    <mergeCell ref="A27:A28"/>
    <mergeCell ref="B27:G27"/>
    <mergeCell ref="A29:A30"/>
    <mergeCell ref="A21:A22"/>
    <mergeCell ref="A23:A24"/>
    <mergeCell ref="A25:A26"/>
    <mergeCell ref="A43:G44"/>
    <mergeCell ref="A37:A38"/>
    <mergeCell ref="A39:A40"/>
    <mergeCell ref="A41:A42"/>
    <mergeCell ref="A31:A32"/>
    <mergeCell ref="A33:A34"/>
    <mergeCell ref="A35:A36"/>
    <mergeCell ref="B35:G35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verticalDpi="0" r:id="rId1"/>
</worksheet>
</file>

<file path=xl/worksheets/sheet2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6"/>
  <sheetViews>
    <sheetView workbookViewId="0">
      <selection activeCell="A2" sqref="A2"/>
    </sheetView>
  </sheetViews>
  <sheetFormatPr defaultRowHeight="14.25"/>
  <cols>
    <col min="1" max="1" width="17.875" customWidth="1"/>
    <col min="9" max="9" width="17.875" customWidth="1"/>
  </cols>
  <sheetData>
    <row r="1" spans="1:15">
      <c r="A1" s="1" t="s">
        <v>808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1:15">
      <c r="A2" s="41" t="s">
        <v>812</v>
      </c>
      <c r="B2" s="1"/>
      <c r="C2" s="7"/>
      <c r="D2" s="7"/>
      <c r="E2" s="7"/>
      <c r="F2" s="7"/>
      <c r="G2" s="7"/>
      <c r="H2" s="1"/>
      <c r="I2" s="1"/>
      <c r="J2" s="1"/>
      <c r="K2" s="1"/>
      <c r="L2" s="1"/>
      <c r="M2" s="1"/>
      <c r="N2" s="1"/>
      <c r="O2" s="1"/>
    </row>
    <row r="3" spans="1:15">
      <c r="A3" s="73" t="s">
        <v>255</v>
      </c>
      <c r="B3" s="53" t="s">
        <v>267</v>
      </c>
      <c r="C3" s="53"/>
      <c r="D3" s="53"/>
      <c r="E3" s="53"/>
      <c r="F3" s="53"/>
      <c r="G3" s="53"/>
    </row>
    <row r="4" spans="1:15" ht="28.5">
      <c r="A4" s="77"/>
      <c r="B4" s="8" t="s">
        <v>268</v>
      </c>
      <c r="C4" s="8" t="s">
        <v>269</v>
      </c>
      <c r="D4" s="14" t="s">
        <v>167</v>
      </c>
      <c r="E4" s="11" t="s">
        <v>270</v>
      </c>
      <c r="F4" s="8" t="s">
        <v>27</v>
      </c>
      <c r="G4" s="8" t="s">
        <v>28</v>
      </c>
    </row>
    <row r="5" spans="1:15">
      <c r="A5" s="56" t="s">
        <v>190</v>
      </c>
      <c r="B5" s="4">
        <v>60</v>
      </c>
      <c r="C5" s="4">
        <v>8</v>
      </c>
      <c r="D5" s="4">
        <v>2</v>
      </c>
      <c r="E5" s="4">
        <v>5</v>
      </c>
      <c r="F5" s="4">
        <v>1</v>
      </c>
      <c r="G5" s="4">
        <v>76</v>
      </c>
    </row>
    <row r="6" spans="1:15">
      <c r="A6" s="61"/>
      <c r="B6" s="5">
        <v>0.78900000000000003</v>
      </c>
      <c r="C6" s="5">
        <v>0.105</v>
      </c>
      <c r="D6" s="5">
        <v>2.5999999999999999E-2</v>
      </c>
      <c r="E6" s="5">
        <v>6.6000000000000003E-2</v>
      </c>
      <c r="F6" s="5">
        <v>1.2999999999999999E-2</v>
      </c>
      <c r="G6" s="5">
        <v>1</v>
      </c>
    </row>
    <row r="7" spans="1:15">
      <c r="A7" s="56" t="s">
        <v>191</v>
      </c>
      <c r="B7" s="6">
        <v>48</v>
      </c>
      <c r="C7" s="6">
        <v>28</v>
      </c>
      <c r="D7" s="6">
        <v>8</v>
      </c>
      <c r="E7" s="6">
        <v>3</v>
      </c>
      <c r="F7" s="6">
        <v>2</v>
      </c>
      <c r="G7" s="6">
        <v>89</v>
      </c>
    </row>
    <row r="8" spans="1:15">
      <c r="A8" s="61"/>
      <c r="B8" s="5">
        <v>0.53900000000000003</v>
      </c>
      <c r="C8" s="5">
        <v>0.315</v>
      </c>
      <c r="D8" s="5">
        <v>0.09</v>
      </c>
      <c r="E8" s="5">
        <v>3.4000000000000002E-2</v>
      </c>
      <c r="F8" s="5">
        <v>2.1999999999999999E-2</v>
      </c>
      <c r="G8" s="5">
        <v>1</v>
      </c>
    </row>
    <row r="9" spans="1:15">
      <c r="A9" s="56" t="s">
        <v>29</v>
      </c>
      <c r="B9" s="6">
        <v>108</v>
      </c>
      <c r="C9" s="6">
        <v>36</v>
      </c>
      <c r="D9" s="6">
        <v>10</v>
      </c>
      <c r="E9" s="6">
        <v>8</v>
      </c>
      <c r="F9" s="6">
        <v>3</v>
      </c>
      <c r="G9" s="6">
        <v>165</v>
      </c>
    </row>
    <row r="10" spans="1:15">
      <c r="A10" s="61"/>
      <c r="B10" s="5">
        <v>0.65500000000000003</v>
      </c>
      <c r="C10" s="5">
        <v>0.218</v>
      </c>
      <c r="D10" s="5">
        <v>6.0999999999999999E-2</v>
      </c>
      <c r="E10" s="5">
        <v>4.8000000000000001E-2</v>
      </c>
      <c r="F10" s="5">
        <v>1.7999999999999999E-2</v>
      </c>
      <c r="G10" s="5">
        <v>1</v>
      </c>
    </row>
    <row r="11" spans="1:15">
      <c r="A11" s="73" t="s">
        <v>257</v>
      </c>
      <c r="B11" s="53" t="s">
        <v>267</v>
      </c>
      <c r="C11" s="53"/>
      <c r="D11" s="53"/>
      <c r="E11" s="53"/>
      <c r="F11" s="53"/>
      <c r="G11" s="53"/>
    </row>
    <row r="12" spans="1:15" ht="28.5">
      <c r="A12" s="77"/>
      <c r="B12" s="8" t="s">
        <v>268</v>
      </c>
      <c r="C12" s="8" t="s">
        <v>269</v>
      </c>
      <c r="D12" s="14" t="s">
        <v>167</v>
      </c>
      <c r="E12" s="11" t="s">
        <v>270</v>
      </c>
      <c r="F12" s="8" t="s">
        <v>27</v>
      </c>
      <c r="G12" s="8" t="s">
        <v>28</v>
      </c>
    </row>
    <row r="13" spans="1:15">
      <c r="A13" s="56" t="s">
        <v>190</v>
      </c>
      <c r="B13" s="4">
        <v>107</v>
      </c>
      <c r="C13" s="4">
        <v>35</v>
      </c>
      <c r="D13" s="4">
        <v>9</v>
      </c>
      <c r="E13" s="4">
        <v>7</v>
      </c>
      <c r="F13" s="4">
        <v>3</v>
      </c>
      <c r="G13" s="4">
        <v>161</v>
      </c>
    </row>
    <row r="14" spans="1:15">
      <c r="A14" s="61"/>
      <c r="B14" s="5">
        <v>0.66500000000000004</v>
      </c>
      <c r="C14" s="5">
        <v>0.217</v>
      </c>
      <c r="D14" s="5">
        <v>5.6000000000000001E-2</v>
      </c>
      <c r="E14" s="5">
        <v>4.2999999999999997E-2</v>
      </c>
      <c r="F14" s="5">
        <v>1.9E-2</v>
      </c>
      <c r="G14" s="5">
        <v>1</v>
      </c>
    </row>
    <row r="15" spans="1:15">
      <c r="A15" s="56" t="s">
        <v>191</v>
      </c>
      <c r="B15" s="6">
        <v>1</v>
      </c>
      <c r="C15" s="6">
        <v>1</v>
      </c>
      <c r="D15" s="6">
        <v>1</v>
      </c>
      <c r="E15" s="6">
        <v>1</v>
      </c>
      <c r="F15" s="6">
        <v>0</v>
      </c>
      <c r="G15" s="6">
        <v>4</v>
      </c>
    </row>
    <row r="16" spans="1:15">
      <c r="A16" s="61"/>
      <c r="B16" s="5">
        <v>0.25</v>
      </c>
      <c r="C16" s="5">
        <v>0.25</v>
      </c>
      <c r="D16" s="5">
        <v>0.25</v>
      </c>
      <c r="E16" s="5">
        <v>0.25</v>
      </c>
      <c r="F16" s="5">
        <v>0</v>
      </c>
      <c r="G16" s="5">
        <v>1</v>
      </c>
    </row>
    <row r="17" spans="1:7">
      <c r="A17" s="56" t="s">
        <v>29</v>
      </c>
      <c r="B17" s="6">
        <v>108</v>
      </c>
      <c r="C17" s="6">
        <v>36</v>
      </c>
      <c r="D17" s="6">
        <v>10</v>
      </c>
      <c r="E17" s="6">
        <v>8</v>
      </c>
      <c r="F17" s="6">
        <v>3</v>
      </c>
      <c r="G17" s="6">
        <v>165</v>
      </c>
    </row>
    <row r="18" spans="1:7">
      <c r="A18" s="61"/>
      <c r="B18" s="5">
        <v>0.65500000000000003</v>
      </c>
      <c r="C18" s="5">
        <v>0.218</v>
      </c>
      <c r="D18" s="5">
        <v>6.0999999999999999E-2</v>
      </c>
      <c r="E18" s="5">
        <v>4.8000000000000001E-2</v>
      </c>
      <c r="F18" s="5">
        <v>1.7999999999999999E-2</v>
      </c>
      <c r="G18" s="5">
        <v>1</v>
      </c>
    </row>
    <row r="19" spans="1:7">
      <c r="A19" s="73" t="s">
        <v>259</v>
      </c>
      <c r="B19" s="53" t="s">
        <v>267</v>
      </c>
      <c r="C19" s="53"/>
      <c r="D19" s="53"/>
      <c r="E19" s="53"/>
      <c r="F19" s="53"/>
      <c r="G19" s="53"/>
    </row>
    <row r="20" spans="1:7" ht="28.5">
      <c r="A20" s="77"/>
      <c r="B20" s="8" t="s">
        <v>268</v>
      </c>
      <c r="C20" s="8" t="s">
        <v>269</v>
      </c>
      <c r="D20" s="14" t="s">
        <v>167</v>
      </c>
      <c r="E20" s="11" t="s">
        <v>270</v>
      </c>
      <c r="F20" s="8" t="s">
        <v>27</v>
      </c>
      <c r="G20" s="8" t="s">
        <v>28</v>
      </c>
    </row>
    <row r="21" spans="1:7">
      <c r="A21" s="56" t="s">
        <v>190</v>
      </c>
      <c r="B21" s="4">
        <v>108</v>
      </c>
      <c r="C21" s="4">
        <v>35</v>
      </c>
      <c r="D21" s="4">
        <v>10</v>
      </c>
      <c r="E21" s="4">
        <v>8</v>
      </c>
      <c r="F21" s="4">
        <v>3</v>
      </c>
      <c r="G21" s="4">
        <v>164</v>
      </c>
    </row>
    <row r="22" spans="1:7">
      <c r="A22" s="61"/>
      <c r="B22" s="5">
        <v>0.65900000000000003</v>
      </c>
      <c r="C22" s="5">
        <v>0.21299999999999999</v>
      </c>
      <c r="D22" s="5">
        <v>6.0999999999999999E-2</v>
      </c>
      <c r="E22" s="5">
        <v>4.9000000000000002E-2</v>
      </c>
      <c r="F22" s="5">
        <v>1.7999999999999999E-2</v>
      </c>
      <c r="G22" s="5">
        <v>1</v>
      </c>
    </row>
    <row r="23" spans="1:7">
      <c r="A23" s="56" t="s">
        <v>191</v>
      </c>
      <c r="B23" s="6">
        <v>0</v>
      </c>
      <c r="C23" s="6">
        <v>1</v>
      </c>
      <c r="D23" s="6">
        <v>0</v>
      </c>
      <c r="E23" s="6">
        <v>0</v>
      </c>
      <c r="F23" s="6">
        <v>0</v>
      </c>
      <c r="G23" s="6">
        <v>1</v>
      </c>
    </row>
    <row r="24" spans="1:7">
      <c r="A24" s="61"/>
      <c r="B24" s="5">
        <v>0</v>
      </c>
      <c r="C24" s="5">
        <v>1</v>
      </c>
      <c r="D24" s="5">
        <v>0</v>
      </c>
      <c r="E24" s="5">
        <v>0</v>
      </c>
      <c r="F24" s="5">
        <v>0</v>
      </c>
      <c r="G24" s="5">
        <v>1</v>
      </c>
    </row>
    <row r="25" spans="1:7">
      <c r="A25" s="56" t="s">
        <v>29</v>
      </c>
      <c r="B25" s="6">
        <v>108</v>
      </c>
      <c r="C25" s="6">
        <v>36</v>
      </c>
      <c r="D25" s="6">
        <v>10</v>
      </c>
      <c r="E25" s="6">
        <v>8</v>
      </c>
      <c r="F25" s="6">
        <v>3</v>
      </c>
      <c r="G25" s="6">
        <v>165</v>
      </c>
    </row>
    <row r="26" spans="1:7">
      <c r="A26" s="61"/>
      <c r="B26" s="5">
        <v>0.65500000000000003</v>
      </c>
      <c r="C26" s="5">
        <v>0.218</v>
      </c>
      <c r="D26" s="5">
        <v>6.0999999999999999E-2</v>
      </c>
      <c r="E26" s="5">
        <v>4.8000000000000001E-2</v>
      </c>
      <c r="F26" s="5">
        <v>1.7999999999999999E-2</v>
      </c>
      <c r="G26" s="5">
        <v>1</v>
      </c>
    </row>
    <row r="27" spans="1:7">
      <c r="A27" s="73" t="s">
        <v>260</v>
      </c>
      <c r="B27" s="53" t="s">
        <v>267</v>
      </c>
      <c r="C27" s="53"/>
      <c r="D27" s="53"/>
      <c r="E27" s="53"/>
      <c r="F27" s="53"/>
      <c r="G27" s="53"/>
    </row>
    <row r="28" spans="1:7" ht="28.5">
      <c r="A28" s="77"/>
      <c r="B28" s="8" t="s">
        <v>268</v>
      </c>
      <c r="C28" s="8" t="s">
        <v>269</v>
      </c>
      <c r="D28" s="14" t="s">
        <v>167</v>
      </c>
      <c r="E28" s="11" t="s">
        <v>270</v>
      </c>
      <c r="F28" s="8" t="s">
        <v>27</v>
      </c>
      <c r="G28" s="8" t="s">
        <v>28</v>
      </c>
    </row>
    <row r="29" spans="1:7">
      <c r="A29" s="56" t="s">
        <v>190</v>
      </c>
      <c r="B29" s="4">
        <v>105</v>
      </c>
      <c r="C29" s="4">
        <v>34</v>
      </c>
      <c r="D29" s="4">
        <v>10</v>
      </c>
      <c r="E29" s="4">
        <v>7</v>
      </c>
      <c r="F29" s="4">
        <v>3</v>
      </c>
      <c r="G29" s="4">
        <v>159</v>
      </c>
    </row>
    <row r="30" spans="1:7">
      <c r="A30" s="61"/>
      <c r="B30" s="5">
        <v>0.66</v>
      </c>
      <c r="C30" s="5">
        <v>0.214</v>
      </c>
      <c r="D30" s="5">
        <v>6.3E-2</v>
      </c>
      <c r="E30" s="5">
        <v>4.3999999999999997E-2</v>
      </c>
      <c r="F30" s="5">
        <v>1.9E-2</v>
      </c>
      <c r="G30" s="5">
        <v>1</v>
      </c>
    </row>
    <row r="31" spans="1:7">
      <c r="A31" s="56" t="s">
        <v>191</v>
      </c>
      <c r="B31" s="6">
        <v>3</v>
      </c>
      <c r="C31" s="6">
        <v>2</v>
      </c>
      <c r="D31" s="6">
        <v>0</v>
      </c>
      <c r="E31" s="6">
        <v>1</v>
      </c>
      <c r="F31" s="6">
        <v>0</v>
      </c>
      <c r="G31" s="6">
        <v>6</v>
      </c>
    </row>
    <row r="32" spans="1:7">
      <c r="A32" s="61"/>
      <c r="B32" s="5">
        <v>0.5</v>
      </c>
      <c r="C32" s="5">
        <v>0.33300000000000002</v>
      </c>
      <c r="D32" s="5">
        <v>0</v>
      </c>
      <c r="E32" s="5">
        <v>0.16700000000000001</v>
      </c>
      <c r="F32" s="5">
        <v>0</v>
      </c>
      <c r="G32" s="5">
        <v>1</v>
      </c>
    </row>
    <row r="33" spans="1:7">
      <c r="A33" s="56" t="s">
        <v>29</v>
      </c>
      <c r="B33" s="6">
        <v>108</v>
      </c>
      <c r="C33" s="6">
        <v>36</v>
      </c>
      <c r="D33" s="6">
        <v>10</v>
      </c>
      <c r="E33" s="6">
        <v>8</v>
      </c>
      <c r="F33" s="6">
        <v>3</v>
      </c>
      <c r="G33" s="6">
        <v>165</v>
      </c>
    </row>
    <row r="34" spans="1:7">
      <c r="A34" s="61"/>
      <c r="B34" s="5">
        <v>0.65500000000000003</v>
      </c>
      <c r="C34" s="5">
        <v>0.218</v>
      </c>
      <c r="D34" s="5">
        <v>6.0999999999999999E-2</v>
      </c>
      <c r="E34" s="5">
        <v>4.8000000000000001E-2</v>
      </c>
      <c r="F34" s="5">
        <v>1.7999999999999999E-2</v>
      </c>
      <c r="G34" s="5">
        <v>1</v>
      </c>
    </row>
    <row r="35" spans="1:7">
      <c r="A35" s="54" t="s">
        <v>263</v>
      </c>
      <c r="B35" s="54"/>
      <c r="C35" s="54"/>
      <c r="D35" s="54"/>
      <c r="E35" s="54"/>
      <c r="F35" s="54"/>
      <c r="G35" s="54"/>
    </row>
    <row r="36" spans="1:7">
      <c r="A36" s="55"/>
      <c r="B36" s="55"/>
      <c r="C36" s="55"/>
      <c r="D36" s="55"/>
      <c r="E36" s="55"/>
      <c r="F36" s="55"/>
      <c r="G36" s="55"/>
    </row>
  </sheetData>
  <mergeCells count="21">
    <mergeCell ref="B3:G3"/>
    <mergeCell ref="A5:A6"/>
    <mergeCell ref="A7:A8"/>
    <mergeCell ref="A9:A10"/>
    <mergeCell ref="A3:A4"/>
    <mergeCell ref="B11:G11"/>
    <mergeCell ref="A13:A14"/>
    <mergeCell ref="A25:A26"/>
    <mergeCell ref="A15:A16"/>
    <mergeCell ref="A17:A18"/>
    <mergeCell ref="A19:A20"/>
    <mergeCell ref="B19:G19"/>
    <mergeCell ref="A21:A22"/>
    <mergeCell ref="A11:A12"/>
    <mergeCell ref="A23:A24"/>
    <mergeCell ref="A33:A34"/>
    <mergeCell ref="A35:G36"/>
    <mergeCell ref="A27:A28"/>
    <mergeCell ref="B27:G27"/>
    <mergeCell ref="A29:A30"/>
    <mergeCell ref="A31:A3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92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31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73" t="s">
        <v>232</v>
      </c>
      <c r="B5" s="4">
        <v>265</v>
      </c>
      <c r="C5" s="4">
        <v>611</v>
      </c>
      <c r="D5" s="4">
        <v>631</v>
      </c>
      <c r="E5" s="4">
        <v>502</v>
      </c>
      <c r="F5" s="4">
        <v>21</v>
      </c>
      <c r="G5" s="4">
        <v>2030</v>
      </c>
    </row>
    <row r="6" spans="1:8">
      <c r="A6" s="77"/>
      <c r="B6" s="5">
        <v>0.13100000000000001</v>
      </c>
      <c r="C6" s="5">
        <v>0.30099999999999999</v>
      </c>
      <c r="D6" s="5">
        <v>0.311</v>
      </c>
      <c r="E6" s="5">
        <v>0.247</v>
      </c>
      <c r="F6" s="5">
        <v>0.01</v>
      </c>
      <c r="G6" s="5">
        <v>1</v>
      </c>
    </row>
    <row r="7" spans="1:8">
      <c r="A7" s="73" t="s">
        <v>233</v>
      </c>
      <c r="B7" s="4">
        <v>327</v>
      </c>
      <c r="C7" s="4">
        <v>647</v>
      </c>
      <c r="D7" s="4">
        <v>441</v>
      </c>
      <c r="E7" s="4">
        <v>128</v>
      </c>
      <c r="F7" s="4">
        <v>97</v>
      </c>
      <c r="G7" s="4">
        <v>1640</v>
      </c>
    </row>
    <row r="8" spans="1:8">
      <c r="A8" s="74"/>
      <c r="B8" s="5">
        <v>0.19900000000000001</v>
      </c>
      <c r="C8" s="5">
        <v>0.39500000000000002</v>
      </c>
      <c r="D8" s="5">
        <v>0.26900000000000002</v>
      </c>
      <c r="E8" s="5">
        <v>7.8E-2</v>
      </c>
      <c r="F8" s="5">
        <v>5.8999999999999997E-2</v>
      </c>
      <c r="G8" s="5">
        <v>1</v>
      </c>
    </row>
    <row r="9" spans="1:8">
      <c r="A9" s="56" t="s">
        <v>171</v>
      </c>
      <c r="B9" s="6">
        <v>2</v>
      </c>
      <c r="C9" s="6">
        <v>1</v>
      </c>
      <c r="D9" s="6">
        <v>6</v>
      </c>
      <c r="E9" s="6">
        <v>1</v>
      </c>
      <c r="F9" s="6">
        <v>5</v>
      </c>
      <c r="G9" s="4">
        <v>15</v>
      </c>
    </row>
    <row r="10" spans="1:8">
      <c r="A10" s="57"/>
      <c r="B10" s="5">
        <v>0.13300000000000001</v>
      </c>
      <c r="C10" s="5">
        <v>6.7000000000000004E-2</v>
      </c>
      <c r="D10" s="5">
        <v>0.4</v>
      </c>
      <c r="E10" s="5">
        <v>6.7000000000000004E-2</v>
      </c>
      <c r="F10" s="5">
        <v>0.33300000000000002</v>
      </c>
      <c r="G10" s="5">
        <v>1</v>
      </c>
    </row>
    <row r="11" spans="1:8">
      <c r="A11" s="56" t="s">
        <v>29</v>
      </c>
      <c r="B11" s="4">
        <v>594</v>
      </c>
      <c r="C11" s="4">
        <v>1259</v>
      </c>
      <c r="D11" s="4">
        <v>1078</v>
      </c>
      <c r="E11" s="4">
        <v>631</v>
      </c>
      <c r="F11" s="4">
        <v>123</v>
      </c>
      <c r="G11" s="4">
        <v>3685</v>
      </c>
    </row>
    <row r="12" spans="1:8">
      <c r="A12" s="57"/>
      <c r="B12" s="5">
        <v>0.161</v>
      </c>
      <c r="C12" s="5">
        <v>0.34200000000000003</v>
      </c>
      <c r="D12" s="5">
        <v>0.29299999999999998</v>
      </c>
      <c r="E12" s="5">
        <v>0.17100000000000001</v>
      </c>
      <c r="F12" s="5">
        <v>3.3000000000000002E-2</v>
      </c>
      <c r="G12" s="5">
        <v>1</v>
      </c>
    </row>
    <row r="13" spans="1:8" ht="14.25" customHeight="1">
      <c r="A13" s="54" t="s">
        <v>127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2">
      <c r="A1" s="1" t="s">
        <v>793</v>
      </c>
    </row>
    <row r="2" spans="1:12" ht="14.25" customHeight="1">
      <c r="A2" s="41" t="s">
        <v>812</v>
      </c>
      <c r="C2" s="7"/>
      <c r="D2" s="7"/>
      <c r="E2" s="7"/>
      <c r="F2" s="7"/>
    </row>
    <row r="3" spans="1:12" ht="14.25" customHeight="1">
      <c r="A3" s="78" t="s">
        <v>231</v>
      </c>
      <c r="B3" s="53" t="s">
        <v>128</v>
      </c>
      <c r="C3" s="53"/>
      <c r="D3" s="53"/>
      <c r="E3" s="53"/>
      <c r="F3" s="53"/>
      <c r="G3" s="2"/>
    </row>
    <row r="4" spans="1:12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12">
      <c r="A5" s="73" t="s">
        <v>232</v>
      </c>
      <c r="B5" s="4">
        <v>159</v>
      </c>
      <c r="C5" s="4">
        <v>1723</v>
      </c>
      <c r="D5" s="4">
        <v>146</v>
      </c>
      <c r="E5" s="4">
        <v>2</v>
      </c>
      <c r="F5" s="4">
        <v>2030</v>
      </c>
    </row>
    <row r="6" spans="1:12">
      <c r="A6" s="77"/>
      <c r="B6" s="5">
        <v>7.8E-2</v>
      </c>
      <c r="C6" s="5">
        <v>0.84899999999999998</v>
      </c>
      <c r="D6" s="5">
        <v>7.1999999999999995E-2</v>
      </c>
      <c r="E6" s="5">
        <v>1E-3</v>
      </c>
      <c r="F6" s="5">
        <v>1</v>
      </c>
      <c r="H6" s="9"/>
      <c r="I6" s="9"/>
      <c r="J6" s="9"/>
      <c r="K6" s="9"/>
      <c r="L6" s="9"/>
    </row>
    <row r="7" spans="1:12">
      <c r="A7" s="73" t="s">
        <v>233</v>
      </c>
      <c r="B7" s="4">
        <v>27</v>
      </c>
      <c r="C7" s="4">
        <v>1090</v>
      </c>
      <c r="D7" s="4">
        <v>523</v>
      </c>
      <c r="E7" s="4">
        <v>0</v>
      </c>
      <c r="F7" s="4">
        <v>1640</v>
      </c>
    </row>
    <row r="8" spans="1:12">
      <c r="A8" s="74"/>
      <c r="B8" s="5">
        <v>1.6E-2</v>
      </c>
      <c r="C8" s="5">
        <v>0.66500000000000004</v>
      </c>
      <c r="D8" s="5">
        <v>0.31900000000000001</v>
      </c>
      <c r="E8" s="5">
        <v>0</v>
      </c>
      <c r="F8" s="5">
        <v>1</v>
      </c>
      <c r="H8" s="9"/>
      <c r="I8" s="9"/>
      <c r="J8" s="9"/>
      <c r="K8" s="9"/>
      <c r="L8" s="9"/>
    </row>
    <row r="9" spans="1:12">
      <c r="A9" s="56" t="s">
        <v>171</v>
      </c>
      <c r="B9" s="6">
        <v>0</v>
      </c>
      <c r="C9" s="6">
        <v>8</v>
      </c>
      <c r="D9" s="6">
        <v>3</v>
      </c>
      <c r="E9" s="6">
        <v>4</v>
      </c>
      <c r="F9" s="4">
        <v>15</v>
      </c>
    </row>
    <row r="10" spans="1:12">
      <c r="A10" s="57"/>
      <c r="B10" s="5">
        <v>0</v>
      </c>
      <c r="C10" s="5">
        <v>0.53300000000000003</v>
      </c>
      <c r="D10" s="5">
        <v>0.2</v>
      </c>
      <c r="E10" s="5">
        <v>0.26700000000000002</v>
      </c>
      <c r="F10" s="5">
        <v>1</v>
      </c>
      <c r="H10" s="9"/>
      <c r="I10" s="9"/>
      <c r="J10" s="9"/>
      <c r="K10" s="9"/>
      <c r="L10" s="9"/>
    </row>
    <row r="11" spans="1:12">
      <c r="A11" s="56" t="s">
        <v>29</v>
      </c>
      <c r="B11" s="4">
        <v>186</v>
      </c>
      <c r="C11" s="4">
        <v>2821</v>
      </c>
      <c r="D11" s="4">
        <v>672</v>
      </c>
      <c r="E11" s="4">
        <v>6</v>
      </c>
      <c r="F11" s="4">
        <v>3685</v>
      </c>
    </row>
    <row r="12" spans="1:12">
      <c r="A12" s="57"/>
      <c r="B12" s="5">
        <v>0.05</v>
      </c>
      <c r="C12" s="5">
        <v>0.76600000000000001</v>
      </c>
      <c r="D12" s="5">
        <v>0.182</v>
      </c>
      <c r="E12" s="5">
        <v>2E-3</v>
      </c>
      <c r="F12" s="5">
        <v>1</v>
      </c>
      <c r="H12" s="9"/>
      <c r="I12" s="9"/>
      <c r="J12" s="9"/>
      <c r="K12" s="9"/>
      <c r="L12" s="9"/>
    </row>
    <row r="13" spans="1:12" ht="14.25" customHeight="1">
      <c r="A13" s="54" t="s">
        <v>129</v>
      </c>
      <c r="B13" s="54"/>
      <c r="C13" s="54"/>
      <c r="D13" s="54"/>
      <c r="E13" s="54"/>
      <c r="F13" s="54"/>
    </row>
    <row r="14" spans="1:12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2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94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31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73" t="s">
        <v>232</v>
      </c>
      <c r="B5" s="4">
        <v>104</v>
      </c>
      <c r="C5" s="4">
        <v>35</v>
      </c>
      <c r="D5" s="4">
        <v>9</v>
      </c>
      <c r="E5" s="4">
        <v>7</v>
      </c>
      <c r="F5" s="4">
        <v>4</v>
      </c>
      <c r="G5" s="4">
        <v>159</v>
      </c>
    </row>
    <row r="6" spans="1:8">
      <c r="A6" s="77"/>
      <c r="B6" s="5">
        <v>0.65400000000000003</v>
      </c>
      <c r="C6" s="5">
        <v>0.22</v>
      </c>
      <c r="D6" s="5">
        <v>5.7000000000000002E-2</v>
      </c>
      <c r="E6" s="5">
        <v>4.3999999999999997E-2</v>
      </c>
      <c r="F6" s="5">
        <v>2.5000000000000001E-2</v>
      </c>
      <c r="G6" s="5">
        <v>1</v>
      </c>
    </row>
    <row r="7" spans="1:8">
      <c r="A7" s="73" t="s">
        <v>233</v>
      </c>
      <c r="B7" s="6">
        <v>16</v>
      </c>
      <c r="C7" s="6">
        <v>2</v>
      </c>
      <c r="D7" s="6">
        <v>1</v>
      </c>
      <c r="E7" s="6">
        <v>5</v>
      </c>
      <c r="F7" s="6">
        <v>3</v>
      </c>
      <c r="G7" s="4">
        <v>27</v>
      </c>
    </row>
    <row r="8" spans="1:8">
      <c r="A8" s="74"/>
      <c r="B8" s="5">
        <v>0.59299999999999997</v>
      </c>
      <c r="C8" s="5">
        <v>7.3999999999999996E-2</v>
      </c>
      <c r="D8" s="5">
        <v>3.6999999999999998E-2</v>
      </c>
      <c r="E8" s="5">
        <v>0.185</v>
      </c>
      <c r="F8" s="5">
        <v>0.111</v>
      </c>
      <c r="G8" s="5">
        <v>1</v>
      </c>
    </row>
    <row r="9" spans="1:8">
      <c r="A9" s="56" t="s">
        <v>29</v>
      </c>
      <c r="B9" s="6">
        <v>120</v>
      </c>
      <c r="C9" s="6">
        <v>37</v>
      </c>
      <c r="D9" s="6">
        <v>10</v>
      </c>
      <c r="E9" s="6">
        <v>12</v>
      </c>
      <c r="F9" s="6">
        <v>7</v>
      </c>
      <c r="G9" s="6">
        <v>186</v>
      </c>
    </row>
    <row r="10" spans="1:8">
      <c r="A10" s="57"/>
      <c r="B10" s="5">
        <v>0.64500000000000002</v>
      </c>
      <c r="C10" s="5">
        <v>0.19900000000000001</v>
      </c>
      <c r="D10" s="5">
        <v>5.3999999999999999E-2</v>
      </c>
      <c r="E10" s="5">
        <v>6.5000000000000002E-2</v>
      </c>
      <c r="F10" s="5">
        <v>3.7999999999999999E-2</v>
      </c>
      <c r="G10" s="5">
        <v>1</v>
      </c>
    </row>
    <row r="11" spans="1:8" ht="14.25" customHeight="1">
      <c r="A11" s="54" t="s">
        <v>131</v>
      </c>
      <c r="B11" s="54"/>
      <c r="C11" s="54"/>
      <c r="D11" s="54"/>
      <c r="E11" s="54"/>
      <c r="F11" s="54"/>
      <c r="G11" s="54"/>
    </row>
    <row r="12" spans="1:8">
      <c r="A12" s="55"/>
      <c r="B12" s="55"/>
      <c r="C12" s="55"/>
      <c r="D12" s="55"/>
      <c r="E12" s="55"/>
      <c r="F12" s="55"/>
      <c r="G12" s="55"/>
    </row>
  </sheetData>
  <mergeCells count="6">
    <mergeCell ref="A11:G12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95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34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56" t="s">
        <v>221</v>
      </c>
      <c r="B5" s="4">
        <v>170</v>
      </c>
      <c r="C5" s="4">
        <v>407</v>
      </c>
      <c r="D5" s="4">
        <v>464</v>
      </c>
      <c r="E5" s="4">
        <v>398</v>
      </c>
      <c r="F5" s="4">
        <v>5</v>
      </c>
      <c r="G5" s="4">
        <v>1444</v>
      </c>
    </row>
    <row r="6" spans="1:8">
      <c r="A6" s="61"/>
      <c r="B6" s="5">
        <v>0.11799999999999999</v>
      </c>
      <c r="C6" s="5">
        <v>0.28199999999999997</v>
      </c>
      <c r="D6" s="5">
        <v>0.32100000000000001</v>
      </c>
      <c r="E6" s="5">
        <v>0.27600000000000002</v>
      </c>
      <c r="F6" s="5">
        <v>3.0000000000000001E-3</v>
      </c>
      <c r="G6" s="5">
        <v>1</v>
      </c>
    </row>
    <row r="7" spans="1:8">
      <c r="A7" s="56" t="s">
        <v>223</v>
      </c>
      <c r="B7" s="4">
        <v>81</v>
      </c>
      <c r="C7" s="4">
        <v>163</v>
      </c>
      <c r="D7" s="4">
        <v>129</v>
      </c>
      <c r="E7" s="4">
        <v>76</v>
      </c>
      <c r="F7" s="4">
        <v>12</v>
      </c>
      <c r="G7" s="4">
        <v>461</v>
      </c>
    </row>
    <row r="8" spans="1:8">
      <c r="A8" s="57"/>
      <c r="B8" s="5">
        <v>0.17599999999999999</v>
      </c>
      <c r="C8" s="5">
        <v>0.35399999999999998</v>
      </c>
      <c r="D8" s="5">
        <v>0.28000000000000003</v>
      </c>
      <c r="E8" s="5">
        <v>0.16500000000000001</v>
      </c>
      <c r="F8" s="5">
        <v>2.5999999999999999E-2</v>
      </c>
      <c r="G8" s="5">
        <v>1</v>
      </c>
    </row>
    <row r="9" spans="1:8">
      <c r="A9" s="56" t="s">
        <v>171</v>
      </c>
      <c r="B9" s="6">
        <v>14</v>
      </c>
      <c r="C9" s="6">
        <v>41</v>
      </c>
      <c r="D9" s="6">
        <v>38</v>
      </c>
      <c r="E9" s="6">
        <v>28</v>
      </c>
      <c r="F9" s="6">
        <v>4</v>
      </c>
      <c r="G9" s="4">
        <v>125</v>
      </c>
    </row>
    <row r="10" spans="1:8">
      <c r="A10" s="57"/>
      <c r="B10" s="5">
        <v>0.112</v>
      </c>
      <c r="C10" s="5">
        <v>0.32800000000000001</v>
      </c>
      <c r="D10" s="5">
        <v>0.30399999999999999</v>
      </c>
      <c r="E10" s="5">
        <v>0.224</v>
      </c>
      <c r="F10" s="5">
        <v>3.2000000000000001E-2</v>
      </c>
      <c r="G10" s="5">
        <v>1</v>
      </c>
    </row>
    <row r="11" spans="1:8">
      <c r="A11" s="56" t="s">
        <v>29</v>
      </c>
      <c r="B11" s="4">
        <v>265</v>
      </c>
      <c r="C11" s="4">
        <v>611</v>
      </c>
      <c r="D11" s="4">
        <v>631</v>
      </c>
      <c r="E11" s="4">
        <v>502</v>
      </c>
      <c r="F11" s="4">
        <v>21</v>
      </c>
      <c r="G11" s="4">
        <v>2030</v>
      </c>
    </row>
    <row r="12" spans="1:8">
      <c r="A12" s="57"/>
      <c r="B12" s="5">
        <v>0.13100000000000001</v>
      </c>
      <c r="C12" s="5">
        <v>0.30099999999999999</v>
      </c>
      <c r="D12" s="5">
        <v>0.311</v>
      </c>
      <c r="E12" s="5">
        <v>0.247</v>
      </c>
      <c r="F12" s="5">
        <v>0.01</v>
      </c>
      <c r="G12" s="5">
        <v>1</v>
      </c>
    </row>
    <row r="13" spans="1:8" ht="14.25" customHeight="1">
      <c r="A13" s="54" t="s">
        <v>127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96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34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56" t="s">
        <v>221</v>
      </c>
      <c r="B5" s="4">
        <v>117</v>
      </c>
      <c r="C5" s="4">
        <v>1252</v>
      </c>
      <c r="D5" s="4">
        <v>74</v>
      </c>
      <c r="E5" s="4">
        <v>1</v>
      </c>
      <c r="F5" s="4">
        <v>1444</v>
      </c>
    </row>
    <row r="6" spans="1:7">
      <c r="A6" s="61"/>
      <c r="B6" s="5">
        <v>8.1000000000000003E-2</v>
      </c>
      <c r="C6" s="5">
        <v>0.86699999999999999</v>
      </c>
      <c r="D6" s="5">
        <v>5.0999999999999997E-2</v>
      </c>
      <c r="E6" s="5">
        <v>1E-3</v>
      </c>
      <c r="F6" s="5">
        <v>1</v>
      </c>
    </row>
    <row r="7" spans="1:7">
      <c r="A7" s="56" t="s">
        <v>223</v>
      </c>
      <c r="B7" s="6">
        <v>24</v>
      </c>
      <c r="C7" s="6">
        <v>378</v>
      </c>
      <c r="D7" s="6">
        <v>59</v>
      </c>
      <c r="E7" s="6">
        <v>0</v>
      </c>
      <c r="F7" s="4">
        <v>461</v>
      </c>
    </row>
    <row r="8" spans="1:7">
      <c r="A8" s="57"/>
      <c r="B8" s="5">
        <v>5.1999999999999998E-2</v>
      </c>
      <c r="C8" s="5">
        <v>0.82</v>
      </c>
      <c r="D8" s="5">
        <v>0.128</v>
      </c>
      <c r="E8" s="5">
        <v>0</v>
      </c>
      <c r="F8" s="5">
        <v>1</v>
      </c>
    </row>
    <row r="9" spans="1:7">
      <c r="A9" s="56" t="s">
        <v>171</v>
      </c>
      <c r="B9" s="6">
        <v>18</v>
      </c>
      <c r="C9" s="6">
        <v>93</v>
      </c>
      <c r="D9" s="6">
        <v>13</v>
      </c>
      <c r="E9" s="6">
        <v>1</v>
      </c>
      <c r="F9" s="4">
        <v>125</v>
      </c>
    </row>
    <row r="10" spans="1:7">
      <c r="A10" s="57"/>
      <c r="B10" s="5">
        <v>0.14399999999999999</v>
      </c>
      <c r="C10" s="5">
        <v>0.74399999999999999</v>
      </c>
      <c r="D10" s="5">
        <v>0.104</v>
      </c>
      <c r="E10" s="5">
        <v>8.0000000000000002E-3</v>
      </c>
      <c r="F10" s="5">
        <v>1</v>
      </c>
    </row>
    <row r="11" spans="1:7">
      <c r="A11" s="56" t="s">
        <v>29</v>
      </c>
      <c r="B11" s="4">
        <v>159</v>
      </c>
      <c r="C11" s="4">
        <v>1723</v>
      </c>
      <c r="D11" s="4">
        <v>146</v>
      </c>
      <c r="E11" s="4">
        <v>2</v>
      </c>
      <c r="F11" s="4">
        <v>2030</v>
      </c>
    </row>
    <row r="12" spans="1:7">
      <c r="A12" s="57"/>
      <c r="B12" s="5">
        <v>7.8E-2</v>
      </c>
      <c r="C12" s="5">
        <v>0.84899999999999998</v>
      </c>
      <c r="D12" s="5">
        <v>7.1999999999999995E-2</v>
      </c>
      <c r="E12" s="5">
        <v>1E-3</v>
      </c>
      <c r="F12" s="5">
        <v>1</v>
      </c>
    </row>
    <row r="13" spans="1:7" ht="14.25" customHeight="1">
      <c r="A13" s="54" t="s">
        <v>129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97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34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56" t="s">
        <v>221</v>
      </c>
      <c r="B5" s="4">
        <v>77</v>
      </c>
      <c r="C5" s="4">
        <v>26</v>
      </c>
      <c r="D5" s="4">
        <v>9</v>
      </c>
      <c r="E5" s="4">
        <v>4</v>
      </c>
      <c r="F5" s="4">
        <v>1</v>
      </c>
      <c r="G5" s="4">
        <v>117</v>
      </c>
    </row>
    <row r="6" spans="1:8">
      <c r="A6" s="61"/>
      <c r="B6" s="5">
        <v>0.65800000000000003</v>
      </c>
      <c r="C6" s="5">
        <v>0.222</v>
      </c>
      <c r="D6" s="5">
        <v>7.6999999999999999E-2</v>
      </c>
      <c r="E6" s="5">
        <v>3.4000000000000002E-2</v>
      </c>
      <c r="F6" s="5">
        <v>8.9999999999999993E-3</v>
      </c>
      <c r="G6" s="5">
        <v>1</v>
      </c>
    </row>
    <row r="7" spans="1:8">
      <c r="A7" s="56" t="s">
        <v>223</v>
      </c>
      <c r="B7" s="6">
        <v>13</v>
      </c>
      <c r="C7" s="6">
        <v>7</v>
      </c>
      <c r="D7" s="6">
        <v>0</v>
      </c>
      <c r="E7" s="6">
        <v>3</v>
      </c>
      <c r="F7" s="6">
        <v>1</v>
      </c>
      <c r="G7" s="4">
        <v>24</v>
      </c>
    </row>
    <row r="8" spans="1:8">
      <c r="A8" s="57"/>
      <c r="B8" s="5">
        <v>0.54200000000000004</v>
      </c>
      <c r="C8" s="5">
        <v>0.29199999999999998</v>
      </c>
      <c r="D8" s="5">
        <v>0</v>
      </c>
      <c r="E8" s="5">
        <v>0.125</v>
      </c>
      <c r="F8" s="5">
        <v>4.2000000000000003E-2</v>
      </c>
      <c r="G8" s="5">
        <v>1</v>
      </c>
    </row>
    <row r="9" spans="1:8">
      <c r="A9" s="56" t="s">
        <v>171</v>
      </c>
      <c r="B9" s="6">
        <v>14</v>
      </c>
      <c r="C9" s="6">
        <v>2</v>
      </c>
      <c r="D9" s="6">
        <v>0</v>
      </c>
      <c r="E9" s="6">
        <v>0</v>
      </c>
      <c r="F9" s="6">
        <v>2</v>
      </c>
      <c r="G9" s="4">
        <v>18</v>
      </c>
    </row>
    <row r="10" spans="1:8">
      <c r="A10" s="80"/>
      <c r="B10" s="5">
        <v>0.77800000000000002</v>
      </c>
      <c r="C10" s="5">
        <v>0.111</v>
      </c>
      <c r="D10" s="5">
        <v>0</v>
      </c>
      <c r="E10" s="5">
        <v>0</v>
      </c>
      <c r="F10" s="5">
        <v>0.111</v>
      </c>
      <c r="G10" s="5">
        <v>1</v>
      </c>
    </row>
    <row r="11" spans="1:8">
      <c r="A11" s="56" t="s">
        <v>29</v>
      </c>
      <c r="B11" s="6">
        <v>104</v>
      </c>
      <c r="C11" s="6">
        <v>35</v>
      </c>
      <c r="D11" s="6">
        <v>9</v>
      </c>
      <c r="E11" s="6">
        <v>7</v>
      </c>
      <c r="F11" s="6">
        <v>4</v>
      </c>
      <c r="G11" s="6">
        <v>159</v>
      </c>
    </row>
    <row r="12" spans="1:8">
      <c r="A12" s="57"/>
      <c r="B12" s="5">
        <v>0.65400000000000003</v>
      </c>
      <c r="C12" s="5">
        <v>0.22</v>
      </c>
      <c r="D12" s="5">
        <v>5.7000000000000002E-2</v>
      </c>
      <c r="E12" s="5">
        <v>4.3999999999999997E-2</v>
      </c>
      <c r="F12" s="5">
        <v>2.5000000000000001E-2</v>
      </c>
      <c r="G12" s="5">
        <v>1</v>
      </c>
    </row>
    <row r="13" spans="1:8" ht="14.25" customHeight="1">
      <c r="A13" s="54" t="s">
        <v>131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"/>
  <dimension ref="A1:E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5">
      <c r="A1" s="1" t="s">
        <v>526</v>
      </c>
    </row>
    <row r="2" spans="1:5" ht="14.25" customHeight="1">
      <c r="A2" s="41" t="s">
        <v>812</v>
      </c>
      <c r="C2" s="7"/>
      <c r="D2" s="7"/>
    </row>
    <row r="3" spans="1:5" ht="14.25" customHeight="1">
      <c r="A3" s="60" t="s">
        <v>168</v>
      </c>
      <c r="B3" s="53" t="s">
        <v>103</v>
      </c>
      <c r="C3" s="53"/>
      <c r="D3" s="53"/>
      <c r="E3" s="2"/>
    </row>
    <row r="4" spans="1:5">
      <c r="A4" s="60"/>
      <c r="B4" s="8" t="s">
        <v>142</v>
      </c>
      <c r="C4" s="8" t="s">
        <v>150</v>
      </c>
      <c r="D4" s="8" t="s">
        <v>29</v>
      </c>
    </row>
    <row r="5" spans="1:5">
      <c r="A5" s="56" t="s">
        <v>169</v>
      </c>
      <c r="B5" s="4">
        <v>382</v>
      </c>
      <c r="C5" s="4">
        <v>62</v>
      </c>
      <c r="D5" s="4">
        <v>444</v>
      </c>
    </row>
    <row r="6" spans="1:5">
      <c r="A6" s="61"/>
      <c r="B6" s="5">
        <v>0.86</v>
      </c>
      <c r="C6" s="5">
        <v>0.14000000000000001</v>
      </c>
      <c r="D6" s="5">
        <v>1</v>
      </c>
    </row>
    <row r="7" spans="1:5">
      <c r="A7" s="56" t="s">
        <v>170</v>
      </c>
      <c r="B7" s="6">
        <v>390</v>
      </c>
      <c r="C7" s="6">
        <v>43</v>
      </c>
      <c r="D7" s="4">
        <v>433</v>
      </c>
    </row>
    <row r="8" spans="1:5">
      <c r="A8" s="57"/>
      <c r="B8" s="5">
        <v>0.90100000000000002</v>
      </c>
      <c r="C8" s="5">
        <v>9.9000000000000005E-2</v>
      </c>
      <c r="D8" s="5">
        <v>1</v>
      </c>
    </row>
    <row r="9" spans="1:5">
      <c r="A9" s="56" t="s">
        <v>171</v>
      </c>
      <c r="B9" s="6">
        <v>1</v>
      </c>
      <c r="C9" s="6">
        <v>0</v>
      </c>
      <c r="D9" s="6">
        <v>1</v>
      </c>
    </row>
    <row r="10" spans="1:5">
      <c r="A10" s="57"/>
      <c r="B10" s="5">
        <v>1</v>
      </c>
      <c r="C10" s="5">
        <v>0</v>
      </c>
      <c r="D10" s="5">
        <v>1</v>
      </c>
    </row>
    <row r="11" spans="1:5" ht="14.25" customHeight="1">
      <c r="A11" s="73" t="s">
        <v>29</v>
      </c>
      <c r="B11" s="6">
        <v>773</v>
      </c>
      <c r="C11" s="6">
        <v>105</v>
      </c>
      <c r="D11" s="6">
        <v>878</v>
      </c>
    </row>
    <row r="12" spans="1:5">
      <c r="A12" s="74"/>
      <c r="B12" s="5">
        <v>0.88</v>
      </c>
      <c r="C12" s="5">
        <v>0.12</v>
      </c>
      <c r="D12" s="5">
        <v>1</v>
      </c>
    </row>
    <row r="13" spans="1:5">
      <c r="A13" s="54" t="s">
        <v>521</v>
      </c>
      <c r="B13" s="54"/>
      <c r="C13" s="54"/>
      <c r="D13" s="54"/>
    </row>
    <row r="14" spans="1:5">
      <c r="A14" s="55"/>
      <c r="B14" s="55"/>
      <c r="C14" s="55"/>
      <c r="D14" s="55"/>
    </row>
  </sheetData>
  <mergeCells count="7">
    <mergeCell ref="A13:D14"/>
    <mergeCell ref="A3:A4"/>
    <mergeCell ref="B3:D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7">
      <c r="A1" s="1" t="s">
        <v>791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78" t="s">
        <v>235</v>
      </c>
      <c r="B3" s="53" t="s">
        <v>128</v>
      </c>
      <c r="C3" s="53"/>
      <c r="D3" s="53"/>
      <c r="E3" s="53"/>
      <c r="F3" s="53"/>
      <c r="G3" s="2"/>
    </row>
    <row r="4" spans="1:7" ht="28.5">
      <c r="A4" s="78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73" t="s">
        <v>236</v>
      </c>
      <c r="B5" s="4">
        <v>43</v>
      </c>
      <c r="C5" s="4">
        <v>384</v>
      </c>
      <c r="D5" s="4">
        <v>166</v>
      </c>
      <c r="E5" s="4">
        <v>1</v>
      </c>
      <c r="F5" s="4">
        <v>594</v>
      </c>
    </row>
    <row r="6" spans="1:7">
      <c r="A6" s="77"/>
      <c r="B6" s="5">
        <v>7.1999999999999995E-2</v>
      </c>
      <c r="C6" s="5">
        <v>0.64600000000000002</v>
      </c>
      <c r="D6" s="5">
        <v>0.27900000000000003</v>
      </c>
      <c r="E6" s="5">
        <v>2E-3</v>
      </c>
      <c r="F6" s="5">
        <v>1</v>
      </c>
    </row>
    <row r="7" spans="1:7">
      <c r="A7" s="73" t="s">
        <v>237</v>
      </c>
      <c r="B7" s="6">
        <v>59</v>
      </c>
      <c r="C7" s="6">
        <v>949</v>
      </c>
      <c r="D7" s="6">
        <v>251</v>
      </c>
      <c r="E7" s="6">
        <v>0</v>
      </c>
      <c r="F7" s="4">
        <v>1259</v>
      </c>
    </row>
    <row r="8" spans="1:7">
      <c r="A8" s="74"/>
      <c r="B8" s="5">
        <v>4.7E-2</v>
      </c>
      <c r="C8" s="5">
        <v>0.754</v>
      </c>
      <c r="D8" s="5">
        <v>0.19900000000000001</v>
      </c>
      <c r="E8" s="5">
        <v>0</v>
      </c>
      <c r="F8" s="5">
        <v>1</v>
      </c>
    </row>
    <row r="9" spans="1:7">
      <c r="A9" s="73" t="s">
        <v>201</v>
      </c>
      <c r="B9" s="4">
        <v>55</v>
      </c>
      <c r="C9" s="4">
        <v>861</v>
      </c>
      <c r="D9" s="4">
        <v>161</v>
      </c>
      <c r="E9" s="4">
        <v>1</v>
      </c>
      <c r="F9" s="4">
        <v>1078</v>
      </c>
    </row>
    <row r="10" spans="1:7">
      <c r="A10" s="74"/>
      <c r="B10" s="5">
        <v>5.0999999999999997E-2</v>
      </c>
      <c r="C10" s="5">
        <v>0.79900000000000004</v>
      </c>
      <c r="D10" s="5">
        <v>0.14899999999999999</v>
      </c>
      <c r="E10" s="5">
        <v>1E-3</v>
      </c>
      <c r="F10" s="5">
        <v>1</v>
      </c>
    </row>
    <row r="11" spans="1:7">
      <c r="A11" s="73" t="s">
        <v>238</v>
      </c>
      <c r="B11" s="6">
        <v>28</v>
      </c>
      <c r="C11" s="6">
        <v>564</v>
      </c>
      <c r="D11" s="6">
        <v>39</v>
      </c>
      <c r="E11" s="6">
        <v>0</v>
      </c>
      <c r="F11" s="6">
        <v>631</v>
      </c>
    </row>
    <row r="12" spans="1:7">
      <c r="A12" s="74"/>
      <c r="B12" s="5">
        <v>4.3999999999999997E-2</v>
      </c>
      <c r="C12" s="5">
        <v>0.89400000000000002</v>
      </c>
      <c r="D12" s="5">
        <v>6.2E-2</v>
      </c>
      <c r="E12" s="5">
        <v>0</v>
      </c>
      <c r="F12" s="5">
        <v>1</v>
      </c>
    </row>
    <row r="13" spans="1:7" ht="14.25" customHeight="1">
      <c r="A13" s="56" t="s">
        <v>171</v>
      </c>
      <c r="B13" s="6">
        <v>1</v>
      </c>
      <c r="C13" s="6">
        <v>63</v>
      </c>
      <c r="D13" s="6">
        <v>55</v>
      </c>
      <c r="E13" s="6">
        <v>4</v>
      </c>
      <c r="F13" s="6">
        <v>123</v>
      </c>
    </row>
    <row r="14" spans="1:7">
      <c r="A14" s="57"/>
      <c r="B14" s="5">
        <v>8.0000000000000002E-3</v>
      </c>
      <c r="C14" s="5">
        <v>0.51200000000000001</v>
      </c>
      <c r="D14" s="5">
        <v>0.44700000000000001</v>
      </c>
      <c r="E14" s="5">
        <v>3.3000000000000002E-2</v>
      </c>
      <c r="F14" s="5">
        <v>1</v>
      </c>
    </row>
    <row r="15" spans="1:7">
      <c r="A15" s="56" t="s">
        <v>29</v>
      </c>
      <c r="B15" s="4">
        <v>186</v>
      </c>
      <c r="C15" s="4">
        <v>2821</v>
      </c>
      <c r="D15" s="4">
        <v>672</v>
      </c>
      <c r="E15" s="4">
        <v>6</v>
      </c>
      <c r="F15" s="4">
        <v>3685</v>
      </c>
    </row>
    <row r="16" spans="1:7">
      <c r="A16" s="57"/>
      <c r="B16" s="5">
        <v>0.05</v>
      </c>
      <c r="C16" s="5">
        <v>0.76600000000000001</v>
      </c>
      <c r="D16" s="5">
        <v>0.182</v>
      </c>
      <c r="E16" s="5">
        <v>2E-3</v>
      </c>
      <c r="F16" s="5">
        <v>1</v>
      </c>
    </row>
    <row r="17" spans="1:6">
      <c r="A17" s="54" t="s">
        <v>129</v>
      </c>
      <c r="B17" s="54"/>
      <c r="C17" s="54"/>
      <c r="D17" s="54"/>
      <c r="E17" s="54"/>
      <c r="F17" s="54"/>
    </row>
    <row r="18" spans="1:6">
      <c r="A18" s="55"/>
      <c r="B18" s="55"/>
      <c r="C18" s="55"/>
      <c r="D18" s="55"/>
      <c r="E18" s="55"/>
      <c r="F18" s="55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2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90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78" t="s">
        <v>235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78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73" t="s">
        <v>236</v>
      </c>
      <c r="B5" s="4">
        <v>19</v>
      </c>
      <c r="C5" s="4">
        <v>10</v>
      </c>
      <c r="D5" s="4">
        <v>6</v>
      </c>
      <c r="E5" s="4">
        <v>6</v>
      </c>
      <c r="F5" s="4">
        <v>2</v>
      </c>
      <c r="G5" s="4">
        <v>43</v>
      </c>
    </row>
    <row r="6" spans="1:8">
      <c r="A6" s="77"/>
      <c r="B6" s="5">
        <v>0.442</v>
      </c>
      <c r="C6" s="5">
        <v>0.23300000000000001</v>
      </c>
      <c r="D6" s="5">
        <v>0.14000000000000001</v>
      </c>
      <c r="E6" s="5">
        <v>0.14000000000000001</v>
      </c>
      <c r="F6" s="5">
        <v>4.7E-2</v>
      </c>
      <c r="G6" s="5">
        <v>1</v>
      </c>
    </row>
    <row r="7" spans="1:8">
      <c r="A7" s="73" t="s">
        <v>163</v>
      </c>
      <c r="B7" s="6">
        <v>40</v>
      </c>
      <c r="C7" s="6">
        <v>15</v>
      </c>
      <c r="D7" s="6">
        <v>1</v>
      </c>
      <c r="E7" s="6">
        <v>1</v>
      </c>
      <c r="F7" s="6">
        <v>2</v>
      </c>
      <c r="G7" s="4">
        <v>59</v>
      </c>
    </row>
    <row r="8" spans="1:8">
      <c r="A8" s="74"/>
      <c r="B8" s="5">
        <v>0.67800000000000005</v>
      </c>
      <c r="C8" s="5">
        <v>0.254</v>
      </c>
      <c r="D8" s="5">
        <v>1.7000000000000001E-2</v>
      </c>
      <c r="E8" s="5">
        <v>1.7000000000000001E-2</v>
      </c>
      <c r="F8" s="5">
        <v>3.4000000000000002E-2</v>
      </c>
      <c r="G8" s="5">
        <v>1</v>
      </c>
    </row>
    <row r="9" spans="1:8">
      <c r="A9" s="73" t="s">
        <v>138</v>
      </c>
      <c r="B9" s="6">
        <v>42</v>
      </c>
      <c r="C9" s="6">
        <v>5</v>
      </c>
      <c r="D9" s="6">
        <v>2</v>
      </c>
      <c r="E9" s="6">
        <v>4</v>
      </c>
      <c r="F9" s="6">
        <v>2</v>
      </c>
      <c r="G9" s="6">
        <v>55</v>
      </c>
    </row>
    <row r="10" spans="1:8">
      <c r="A10" s="74"/>
      <c r="B10" s="5">
        <v>0.76400000000000001</v>
      </c>
      <c r="C10" s="5">
        <v>9.0999999999999998E-2</v>
      </c>
      <c r="D10" s="5">
        <v>3.5999999999999997E-2</v>
      </c>
      <c r="E10" s="5">
        <v>7.2999999999999995E-2</v>
      </c>
      <c r="F10" s="5">
        <v>3.5999999999999997E-2</v>
      </c>
      <c r="G10" s="5">
        <v>1</v>
      </c>
    </row>
    <row r="11" spans="1:8">
      <c r="A11" s="73" t="s">
        <v>164</v>
      </c>
      <c r="B11" s="6">
        <v>18</v>
      </c>
      <c r="C11" s="6">
        <v>7</v>
      </c>
      <c r="D11" s="6">
        <v>1</v>
      </c>
      <c r="E11" s="6">
        <v>1</v>
      </c>
      <c r="F11" s="6">
        <v>1</v>
      </c>
      <c r="G11" s="6">
        <v>28</v>
      </c>
    </row>
    <row r="12" spans="1:8">
      <c r="A12" s="74"/>
      <c r="B12" s="5">
        <v>0.64300000000000002</v>
      </c>
      <c r="C12" s="5">
        <v>0.25</v>
      </c>
      <c r="D12" s="5">
        <v>3.5999999999999997E-2</v>
      </c>
      <c r="E12" s="5">
        <v>3.5999999999999997E-2</v>
      </c>
      <c r="F12" s="5">
        <v>3.5999999999999997E-2</v>
      </c>
      <c r="G12" s="5">
        <v>1</v>
      </c>
    </row>
    <row r="13" spans="1:8" ht="14.25" customHeight="1">
      <c r="A13" s="56" t="s">
        <v>171</v>
      </c>
      <c r="B13" s="6">
        <v>1</v>
      </c>
      <c r="C13" s="6">
        <v>0</v>
      </c>
      <c r="D13" s="6">
        <v>0</v>
      </c>
      <c r="E13" s="6">
        <v>0</v>
      </c>
      <c r="F13" s="6">
        <v>0</v>
      </c>
      <c r="G13" s="6">
        <v>1</v>
      </c>
    </row>
    <row r="14" spans="1:8">
      <c r="A14" s="57"/>
      <c r="B14" s="5">
        <v>1</v>
      </c>
      <c r="C14" s="5">
        <v>0</v>
      </c>
      <c r="D14" s="5">
        <v>0</v>
      </c>
      <c r="E14" s="5">
        <v>0</v>
      </c>
      <c r="F14" s="5">
        <v>0</v>
      </c>
      <c r="G14" s="5">
        <v>1</v>
      </c>
    </row>
    <row r="15" spans="1:8">
      <c r="A15" s="56" t="s">
        <v>29</v>
      </c>
      <c r="B15" s="6">
        <v>120</v>
      </c>
      <c r="C15" s="6">
        <v>37</v>
      </c>
      <c r="D15" s="6">
        <v>10</v>
      </c>
      <c r="E15" s="6">
        <v>12</v>
      </c>
      <c r="F15" s="6">
        <v>7</v>
      </c>
      <c r="G15" s="6">
        <v>186</v>
      </c>
    </row>
    <row r="16" spans="1:8">
      <c r="A16" s="57"/>
      <c r="B16" s="5">
        <v>0.64500000000000002</v>
      </c>
      <c r="C16" s="5">
        <v>0.19900000000000001</v>
      </c>
      <c r="D16" s="5">
        <v>5.3999999999999999E-2</v>
      </c>
      <c r="E16" s="5">
        <v>6.5000000000000002E-2</v>
      </c>
      <c r="F16" s="5">
        <v>3.7999999999999999E-2</v>
      </c>
      <c r="G16" s="5">
        <v>1</v>
      </c>
    </row>
    <row r="17" spans="1:7">
      <c r="A17" s="54" t="s">
        <v>131</v>
      </c>
      <c r="B17" s="54"/>
      <c r="C17" s="54"/>
      <c r="D17" s="54"/>
      <c r="E17" s="54"/>
      <c r="F17" s="54"/>
      <c r="G17" s="54"/>
    </row>
    <row r="18" spans="1:7">
      <c r="A18" s="55"/>
      <c r="B18" s="55"/>
      <c r="C18" s="55"/>
      <c r="D18" s="55"/>
      <c r="E18" s="55"/>
      <c r="F18" s="55"/>
      <c r="G18" s="55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0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8">
      <c r="A1" s="1" t="s">
        <v>789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60" t="s">
        <v>239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60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56" t="s">
        <v>221</v>
      </c>
      <c r="B5" s="4">
        <v>120</v>
      </c>
      <c r="C5" s="4">
        <v>37</v>
      </c>
      <c r="D5" s="4">
        <v>10</v>
      </c>
      <c r="E5" s="4">
        <v>12</v>
      </c>
      <c r="F5" s="4">
        <v>7</v>
      </c>
      <c r="G5" s="4">
        <v>186</v>
      </c>
    </row>
    <row r="6" spans="1:8">
      <c r="A6" s="61"/>
      <c r="B6" s="5">
        <v>0.64500000000000002</v>
      </c>
      <c r="C6" s="5">
        <v>0.19900000000000001</v>
      </c>
      <c r="D6" s="5">
        <v>5.3999999999999999E-2</v>
      </c>
      <c r="E6" s="5">
        <v>6.5000000000000002E-2</v>
      </c>
      <c r="F6" s="5">
        <v>3.7999999999999999E-2</v>
      </c>
      <c r="G6" s="5">
        <v>1</v>
      </c>
    </row>
    <row r="7" spans="1:8">
      <c r="A7" s="56" t="s">
        <v>29</v>
      </c>
      <c r="B7" s="6">
        <v>120</v>
      </c>
      <c r="C7" s="6">
        <v>37</v>
      </c>
      <c r="D7" s="6">
        <v>10</v>
      </c>
      <c r="E7" s="6">
        <v>12</v>
      </c>
      <c r="F7" s="6">
        <v>7</v>
      </c>
      <c r="G7" s="6">
        <v>186</v>
      </c>
    </row>
    <row r="8" spans="1:8">
      <c r="A8" s="57"/>
      <c r="B8" s="5">
        <v>0.64500000000000002</v>
      </c>
      <c r="C8" s="5">
        <v>0.19900000000000001</v>
      </c>
      <c r="D8" s="5">
        <v>5.3999999999999999E-2</v>
      </c>
      <c r="E8" s="5">
        <v>6.5000000000000002E-2</v>
      </c>
      <c r="F8" s="5">
        <v>3.7999999999999999E-2</v>
      </c>
      <c r="G8" s="5">
        <v>1</v>
      </c>
    </row>
    <row r="9" spans="1:8">
      <c r="A9" s="54" t="s">
        <v>131</v>
      </c>
      <c r="B9" s="54"/>
      <c r="C9" s="54"/>
      <c r="D9" s="54"/>
      <c r="E9" s="54"/>
      <c r="F9" s="54"/>
      <c r="G9" s="54"/>
    </row>
    <row r="10" spans="1:8">
      <c r="A10" s="55"/>
      <c r="B10" s="55"/>
      <c r="C10" s="55"/>
      <c r="D10" s="55"/>
      <c r="E10" s="55"/>
      <c r="F10" s="55"/>
      <c r="G10" s="55"/>
    </row>
  </sheetData>
  <mergeCells count="5">
    <mergeCell ref="A7:A8"/>
    <mergeCell ref="A9:G10"/>
    <mergeCell ref="A3:A4"/>
    <mergeCell ref="B3:G3"/>
    <mergeCell ref="A5:A6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"/>
  <dimension ref="A1:G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7">
      <c r="A1" s="1" t="s">
        <v>527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60" t="s">
        <v>168</v>
      </c>
      <c r="B3" s="53" t="s">
        <v>111</v>
      </c>
      <c r="C3" s="53"/>
      <c r="D3" s="53"/>
      <c r="E3" s="53"/>
      <c r="F3" s="53"/>
      <c r="G3" s="2"/>
    </row>
    <row r="4" spans="1:7" ht="42.75">
      <c r="A4" s="60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7">
      <c r="A5" s="56" t="s">
        <v>169</v>
      </c>
      <c r="B5" s="4">
        <v>1776</v>
      </c>
      <c r="C5" s="4">
        <v>61</v>
      </c>
      <c r="D5" s="4">
        <v>3</v>
      </c>
      <c r="E5" s="4">
        <v>0</v>
      </c>
      <c r="F5" s="4">
        <v>1840</v>
      </c>
    </row>
    <row r="6" spans="1:7">
      <c r="A6" s="61"/>
      <c r="B6" s="5">
        <v>0.96499999999999997</v>
      </c>
      <c r="C6" s="5">
        <v>3.3000000000000002E-2</v>
      </c>
      <c r="D6" s="5">
        <v>2E-3</v>
      </c>
      <c r="E6" s="5">
        <v>0</v>
      </c>
      <c r="F6" s="5">
        <v>1</v>
      </c>
    </row>
    <row r="7" spans="1:7">
      <c r="A7" s="56" t="s">
        <v>170</v>
      </c>
      <c r="B7" s="4">
        <v>1792</v>
      </c>
      <c r="C7" s="4">
        <v>43</v>
      </c>
      <c r="D7" s="4">
        <v>4</v>
      </c>
      <c r="E7" s="4">
        <v>2</v>
      </c>
      <c r="F7" s="4">
        <v>1841</v>
      </c>
    </row>
    <row r="8" spans="1:7">
      <c r="A8" s="57"/>
      <c r="B8" s="5">
        <v>0.97299999999999998</v>
      </c>
      <c r="C8" s="5">
        <v>2.3E-2</v>
      </c>
      <c r="D8" s="5">
        <v>2E-3</v>
      </c>
      <c r="E8" s="5">
        <v>1E-3</v>
      </c>
      <c r="F8" s="5">
        <v>1</v>
      </c>
    </row>
    <row r="9" spans="1:7">
      <c r="A9" s="56" t="s">
        <v>171</v>
      </c>
      <c r="B9" s="6">
        <v>4</v>
      </c>
      <c r="C9" s="6">
        <v>0</v>
      </c>
      <c r="D9" s="6">
        <v>0</v>
      </c>
      <c r="E9" s="6">
        <v>0</v>
      </c>
      <c r="F9" s="6">
        <v>4</v>
      </c>
    </row>
    <row r="10" spans="1:7">
      <c r="A10" s="57"/>
      <c r="B10" s="5">
        <v>1</v>
      </c>
      <c r="C10" s="5">
        <v>0</v>
      </c>
      <c r="D10" s="5">
        <v>0</v>
      </c>
      <c r="E10" s="5">
        <v>0</v>
      </c>
      <c r="F10" s="5">
        <v>1</v>
      </c>
    </row>
    <row r="11" spans="1:7" ht="14.25" customHeight="1">
      <c r="A11" s="73" t="s">
        <v>29</v>
      </c>
      <c r="B11" s="4">
        <v>3572</v>
      </c>
      <c r="C11" s="4">
        <v>104</v>
      </c>
      <c r="D11" s="4">
        <v>7</v>
      </c>
      <c r="E11" s="4">
        <v>2</v>
      </c>
      <c r="F11" s="4">
        <v>3685</v>
      </c>
    </row>
    <row r="12" spans="1:7">
      <c r="A12" s="74"/>
      <c r="B12" s="5">
        <v>0.96899999999999997</v>
      </c>
      <c r="C12" s="5">
        <v>2.8000000000000001E-2</v>
      </c>
      <c r="D12" s="5">
        <v>2E-3</v>
      </c>
      <c r="E12" s="5">
        <v>1E-3</v>
      </c>
      <c r="F12" s="5">
        <v>1</v>
      </c>
    </row>
    <row r="13" spans="1:7">
      <c r="A13" s="54" t="s">
        <v>105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S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9">
      <c r="A1" s="1" t="s">
        <v>50</v>
      </c>
    </row>
    <row r="2" spans="1:19" ht="14.25" customHeight="1">
      <c r="A2" s="41" t="s">
        <v>812</v>
      </c>
      <c r="C2" s="7"/>
      <c r="D2" s="7"/>
      <c r="E2" s="7"/>
      <c r="F2" s="7"/>
      <c r="G2" s="7"/>
      <c r="H2" s="7"/>
    </row>
    <row r="3" spans="1:19" ht="14.25" customHeight="1">
      <c r="A3" s="60" t="s">
        <v>26</v>
      </c>
      <c r="B3" s="53" t="s">
        <v>45</v>
      </c>
      <c r="C3" s="53"/>
      <c r="D3" s="53"/>
      <c r="E3" s="53"/>
      <c r="F3" s="53"/>
      <c r="G3" s="53"/>
      <c r="H3" s="53"/>
      <c r="I3" s="2"/>
    </row>
    <row r="4" spans="1:19" ht="42.75">
      <c r="A4" s="60"/>
      <c r="B4" s="8" t="s">
        <v>46</v>
      </c>
      <c r="C4" s="8" t="s">
        <v>102</v>
      </c>
      <c r="D4" s="8" t="s">
        <v>47</v>
      </c>
      <c r="E4" s="8" t="s">
        <v>48</v>
      </c>
      <c r="F4" s="8" t="s">
        <v>49</v>
      </c>
      <c r="G4" s="8" t="s">
        <v>42</v>
      </c>
      <c r="H4" s="8" t="s">
        <v>29</v>
      </c>
    </row>
    <row r="5" spans="1:19">
      <c r="A5" s="56" t="s">
        <v>30</v>
      </c>
      <c r="B5" s="4">
        <v>158</v>
      </c>
      <c r="C5" s="4">
        <v>982</v>
      </c>
      <c r="D5" s="4">
        <v>246</v>
      </c>
      <c r="E5" s="4">
        <v>6</v>
      </c>
      <c r="F5" s="4">
        <v>6</v>
      </c>
      <c r="G5" s="4">
        <v>8</v>
      </c>
      <c r="H5" s="4">
        <v>1406</v>
      </c>
    </row>
    <row r="6" spans="1:19">
      <c r="A6" s="61"/>
      <c r="B6" s="5">
        <v>0.112</v>
      </c>
      <c r="C6" s="5">
        <v>0.69799999999999995</v>
      </c>
      <c r="D6" s="5">
        <v>0.17499999999999999</v>
      </c>
      <c r="E6" s="5">
        <v>4.0000000000000001E-3</v>
      </c>
      <c r="F6" s="5">
        <v>4.0000000000000001E-3</v>
      </c>
      <c r="G6" s="5">
        <v>6.0000000000000001E-3</v>
      </c>
      <c r="H6" s="5">
        <v>1</v>
      </c>
    </row>
    <row r="7" spans="1:19">
      <c r="A7" s="56" t="s">
        <v>31</v>
      </c>
      <c r="B7" s="6">
        <v>135</v>
      </c>
      <c r="C7" s="6">
        <v>540</v>
      </c>
      <c r="D7" s="6">
        <v>80</v>
      </c>
      <c r="E7" s="6">
        <v>0</v>
      </c>
      <c r="F7" s="6">
        <v>9</v>
      </c>
      <c r="G7" s="6">
        <v>1</v>
      </c>
      <c r="H7" s="4">
        <v>765</v>
      </c>
    </row>
    <row r="8" spans="1:19">
      <c r="A8" s="57"/>
      <c r="B8" s="5">
        <v>0.17599999999999999</v>
      </c>
      <c r="C8" s="5">
        <v>0.70599999999999996</v>
      </c>
      <c r="D8" s="5">
        <v>0.105</v>
      </c>
      <c r="E8" s="5">
        <v>0</v>
      </c>
      <c r="F8" s="5">
        <v>1.2E-2</v>
      </c>
      <c r="G8" s="5">
        <v>1E-3</v>
      </c>
      <c r="H8" s="5">
        <v>1</v>
      </c>
      <c r="M8" s="9"/>
      <c r="N8" s="9"/>
      <c r="O8" s="9"/>
      <c r="P8" s="9"/>
      <c r="Q8" s="9"/>
      <c r="R8" s="9"/>
      <c r="S8" s="9"/>
    </row>
    <row r="9" spans="1:19">
      <c r="A9" s="56" t="s">
        <v>32</v>
      </c>
      <c r="B9" s="6">
        <v>33</v>
      </c>
      <c r="C9" s="6">
        <v>186</v>
      </c>
      <c r="D9" s="6">
        <v>19</v>
      </c>
      <c r="E9" s="6">
        <v>2</v>
      </c>
      <c r="F9" s="6">
        <v>0</v>
      </c>
      <c r="G9" s="6">
        <v>0</v>
      </c>
      <c r="H9" s="6">
        <v>240</v>
      </c>
    </row>
    <row r="10" spans="1:19">
      <c r="A10" s="57"/>
      <c r="B10" s="5">
        <v>0.13800000000000001</v>
      </c>
      <c r="C10" s="5">
        <v>0.77500000000000002</v>
      </c>
      <c r="D10" s="5">
        <v>7.9000000000000001E-2</v>
      </c>
      <c r="E10" s="5">
        <v>8.0000000000000002E-3</v>
      </c>
      <c r="F10" s="5">
        <v>0</v>
      </c>
      <c r="G10" s="5">
        <v>0</v>
      </c>
      <c r="H10" s="5">
        <v>1</v>
      </c>
      <c r="M10" s="9"/>
      <c r="N10" s="9"/>
      <c r="O10" s="9"/>
      <c r="P10" s="9"/>
      <c r="Q10" s="9"/>
      <c r="R10" s="9"/>
      <c r="S10" s="9"/>
    </row>
    <row r="11" spans="1:19" ht="14.25" customHeight="1">
      <c r="A11" s="58" t="s">
        <v>38</v>
      </c>
      <c r="B11" s="6">
        <v>35</v>
      </c>
      <c r="C11" s="6">
        <v>142</v>
      </c>
      <c r="D11" s="6">
        <v>21</v>
      </c>
      <c r="E11" s="6">
        <v>1</v>
      </c>
      <c r="F11" s="6">
        <v>0</v>
      </c>
      <c r="G11" s="6">
        <v>0</v>
      </c>
      <c r="H11" s="6">
        <v>199</v>
      </c>
    </row>
    <row r="12" spans="1:19">
      <c r="A12" s="59"/>
      <c r="B12" s="5">
        <v>0.17599999999999999</v>
      </c>
      <c r="C12" s="5">
        <v>0.71399999999999997</v>
      </c>
      <c r="D12" s="5">
        <v>0.106</v>
      </c>
      <c r="E12" s="5">
        <v>5.0000000000000001E-3</v>
      </c>
      <c r="F12" s="5">
        <v>0</v>
      </c>
      <c r="G12" s="5">
        <v>0</v>
      </c>
      <c r="H12" s="5">
        <v>1</v>
      </c>
      <c r="M12" s="9"/>
      <c r="N12" s="9"/>
      <c r="O12" s="9"/>
      <c r="P12" s="9"/>
      <c r="Q12" s="9"/>
      <c r="R12" s="9"/>
      <c r="S12" s="9"/>
    </row>
    <row r="13" spans="1:19">
      <c r="A13" s="56" t="s">
        <v>33</v>
      </c>
      <c r="B13" s="6">
        <v>47</v>
      </c>
      <c r="C13" s="6">
        <v>205</v>
      </c>
      <c r="D13" s="6">
        <v>32</v>
      </c>
      <c r="E13" s="6">
        <v>0</v>
      </c>
      <c r="F13" s="6">
        <v>4</v>
      </c>
      <c r="G13" s="6">
        <v>1</v>
      </c>
      <c r="H13" s="6">
        <v>289</v>
      </c>
    </row>
    <row r="14" spans="1:19">
      <c r="A14" s="57"/>
      <c r="B14" s="5">
        <v>0.16300000000000001</v>
      </c>
      <c r="C14" s="5">
        <v>0.70899999999999996</v>
      </c>
      <c r="D14" s="5">
        <v>0.111</v>
      </c>
      <c r="E14" s="5">
        <v>0</v>
      </c>
      <c r="F14" s="5">
        <v>1.4E-2</v>
      </c>
      <c r="G14" s="5">
        <v>3.0000000000000001E-3</v>
      </c>
      <c r="H14" s="5">
        <v>1</v>
      </c>
      <c r="M14" s="9"/>
      <c r="N14" s="9"/>
      <c r="O14" s="9"/>
      <c r="P14" s="9"/>
      <c r="Q14" s="9"/>
      <c r="R14" s="9"/>
      <c r="S14" s="9"/>
    </row>
    <row r="15" spans="1:19">
      <c r="A15" s="56" t="s">
        <v>34</v>
      </c>
      <c r="B15" s="6">
        <v>40</v>
      </c>
      <c r="C15" s="6">
        <v>172</v>
      </c>
      <c r="D15" s="6">
        <v>36</v>
      </c>
      <c r="E15" s="6">
        <v>2</v>
      </c>
      <c r="F15" s="6">
        <v>1</v>
      </c>
      <c r="G15" s="6">
        <v>1</v>
      </c>
      <c r="H15" s="6">
        <v>252</v>
      </c>
    </row>
    <row r="16" spans="1:19">
      <c r="A16" s="57"/>
      <c r="B16" s="5">
        <v>0.159</v>
      </c>
      <c r="C16" s="5">
        <v>0.68300000000000005</v>
      </c>
      <c r="D16" s="5">
        <v>0.14299999999999999</v>
      </c>
      <c r="E16" s="5">
        <v>8.0000000000000002E-3</v>
      </c>
      <c r="F16" s="5">
        <v>4.0000000000000001E-3</v>
      </c>
      <c r="G16" s="5">
        <v>4.0000000000000001E-3</v>
      </c>
      <c r="H16" s="5">
        <v>1</v>
      </c>
      <c r="M16" s="9"/>
      <c r="N16" s="9"/>
      <c r="O16" s="9"/>
      <c r="P16" s="9"/>
      <c r="Q16" s="9"/>
      <c r="R16" s="9"/>
      <c r="S16" s="9"/>
    </row>
    <row r="17" spans="1:19">
      <c r="A17" s="56" t="s">
        <v>35</v>
      </c>
      <c r="B17" s="6">
        <v>60</v>
      </c>
      <c r="C17" s="6">
        <v>260</v>
      </c>
      <c r="D17" s="6">
        <v>51</v>
      </c>
      <c r="E17" s="6">
        <v>0</v>
      </c>
      <c r="F17" s="6">
        <v>4</v>
      </c>
      <c r="G17" s="6">
        <v>1</v>
      </c>
      <c r="H17" s="6">
        <v>376</v>
      </c>
    </row>
    <row r="18" spans="1:19">
      <c r="A18" s="57"/>
      <c r="B18" s="5">
        <v>0.16</v>
      </c>
      <c r="C18" s="5">
        <v>0.69099999999999995</v>
      </c>
      <c r="D18" s="5">
        <v>0.13600000000000001</v>
      </c>
      <c r="E18" s="5">
        <v>0</v>
      </c>
      <c r="F18" s="5">
        <v>1.0999999999999999E-2</v>
      </c>
      <c r="G18" s="5">
        <v>3.0000000000000001E-3</v>
      </c>
      <c r="H18" s="5">
        <v>1</v>
      </c>
      <c r="M18" s="9"/>
      <c r="N18" s="9"/>
      <c r="O18" s="9"/>
      <c r="P18" s="9"/>
      <c r="Q18" s="9"/>
      <c r="R18" s="9"/>
      <c r="S18" s="9"/>
    </row>
    <row r="19" spans="1:19">
      <c r="A19" s="56" t="s">
        <v>36</v>
      </c>
      <c r="B19" s="6">
        <v>20</v>
      </c>
      <c r="C19" s="6">
        <v>115</v>
      </c>
      <c r="D19" s="6">
        <v>21</v>
      </c>
      <c r="E19" s="6">
        <v>0</v>
      </c>
      <c r="F19" s="6">
        <v>2</v>
      </c>
      <c r="G19" s="6">
        <v>0</v>
      </c>
      <c r="H19" s="6">
        <v>158</v>
      </c>
    </row>
    <row r="20" spans="1:19">
      <c r="A20" s="57"/>
      <c r="B20" s="5">
        <v>0.127</v>
      </c>
      <c r="C20" s="5">
        <v>0.72799999999999998</v>
      </c>
      <c r="D20" s="5">
        <v>0.13300000000000001</v>
      </c>
      <c r="E20" s="5">
        <v>0</v>
      </c>
      <c r="F20" s="5">
        <v>1.2999999999999999E-2</v>
      </c>
      <c r="G20" s="5">
        <v>0</v>
      </c>
      <c r="H20" s="5">
        <v>1</v>
      </c>
      <c r="M20" s="9"/>
      <c r="N20" s="9"/>
      <c r="O20" s="9"/>
      <c r="P20" s="9"/>
      <c r="Q20" s="9"/>
      <c r="R20" s="9"/>
      <c r="S20" s="9"/>
    </row>
    <row r="21" spans="1:19">
      <c r="A21" s="56" t="s">
        <v>29</v>
      </c>
      <c r="B21" s="4">
        <v>528</v>
      </c>
      <c r="C21" s="4">
        <v>2602</v>
      </c>
      <c r="D21" s="4">
        <v>506</v>
      </c>
      <c r="E21" s="4">
        <v>11</v>
      </c>
      <c r="F21" s="4">
        <v>26</v>
      </c>
      <c r="G21" s="4">
        <v>12</v>
      </c>
      <c r="H21" s="4">
        <v>3685</v>
      </c>
    </row>
    <row r="22" spans="1:19">
      <c r="A22" s="57"/>
      <c r="B22" s="5">
        <v>0.14299999999999999</v>
      </c>
      <c r="C22" s="5">
        <v>0.70599999999999996</v>
      </c>
      <c r="D22" s="5">
        <v>0.13700000000000001</v>
      </c>
      <c r="E22" s="5">
        <v>3.0000000000000001E-3</v>
      </c>
      <c r="F22" s="5">
        <v>7.0000000000000001E-3</v>
      </c>
      <c r="G22" s="5">
        <v>3.0000000000000001E-3</v>
      </c>
      <c r="H22" s="5">
        <v>1</v>
      </c>
      <c r="M22" s="9"/>
      <c r="N22" s="9"/>
      <c r="O22" s="9"/>
      <c r="P22" s="9"/>
      <c r="Q22" s="9"/>
      <c r="R22" s="9"/>
      <c r="S22" s="9"/>
    </row>
    <row r="23" spans="1:19">
      <c r="A23" s="54" t="s">
        <v>44</v>
      </c>
      <c r="B23" s="54"/>
      <c r="C23" s="54"/>
      <c r="D23" s="54"/>
      <c r="E23" s="54"/>
      <c r="F23" s="54"/>
      <c r="G23" s="54"/>
      <c r="H23" s="54"/>
    </row>
    <row r="24" spans="1:19">
      <c r="A24" s="55"/>
      <c r="B24" s="55"/>
      <c r="C24" s="55"/>
      <c r="D24" s="55"/>
      <c r="E24" s="55"/>
      <c r="F24" s="55"/>
      <c r="G24" s="55"/>
      <c r="H24" s="55"/>
      <c r="M24" s="9"/>
      <c r="N24" s="9"/>
      <c r="O24" s="9"/>
      <c r="P24" s="9"/>
      <c r="Q24" s="9"/>
      <c r="R24" s="9"/>
      <c r="S24" s="9"/>
    </row>
  </sheetData>
  <mergeCells count="12">
    <mergeCell ref="A23:H24"/>
    <mergeCell ref="A3:A4"/>
    <mergeCell ref="B3:H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"/>
  <dimension ref="A1:G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7">
      <c r="A1" s="1" t="s">
        <v>528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60" t="s">
        <v>168</v>
      </c>
      <c r="B3" s="53" t="s">
        <v>519</v>
      </c>
      <c r="C3" s="53"/>
      <c r="D3" s="53"/>
      <c r="E3" s="53"/>
      <c r="F3" s="53"/>
      <c r="G3" s="2"/>
    </row>
    <row r="4" spans="1:7">
      <c r="A4" s="60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7">
      <c r="A5" s="56" t="s">
        <v>169</v>
      </c>
      <c r="B5" s="4">
        <v>827</v>
      </c>
      <c r="C5" s="4">
        <v>769</v>
      </c>
      <c r="D5" s="4">
        <v>122</v>
      </c>
      <c r="E5" s="4">
        <v>58</v>
      </c>
      <c r="F5" s="4">
        <v>1776</v>
      </c>
    </row>
    <row r="6" spans="1:7">
      <c r="A6" s="61"/>
      <c r="B6" s="5">
        <v>0.46600000000000003</v>
      </c>
      <c r="C6" s="5">
        <v>0.433</v>
      </c>
      <c r="D6" s="5">
        <v>6.9000000000000006E-2</v>
      </c>
      <c r="E6" s="5">
        <v>3.3000000000000002E-2</v>
      </c>
      <c r="F6" s="5">
        <v>1</v>
      </c>
    </row>
    <row r="7" spans="1:7">
      <c r="A7" s="56" t="s">
        <v>170</v>
      </c>
      <c r="B7" s="6">
        <v>760</v>
      </c>
      <c r="C7" s="6">
        <v>856</v>
      </c>
      <c r="D7" s="6">
        <v>134</v>
      </c>
      <c r="E7" s="6">
        <v>42</v>
      </c>
      <c r="F7" s="4">
        <v>1792</v>
      </c>
    </row>
    <row r="8" spans="1:7">
      <c r="A8" s="57"/>
      <c r="B8" s="5">
        <v>0.42399999999999999</v>
      </c>
      <c r="C8" s="5">
        <v>0.47799999999999998</v>
      </c>
      <c r="D8" s="5">
        <v>7.4999999999999997E-2</v>
      </c>
      <c r="E8" s="5">
        <v>2.3E-2</v>
      </c>
      <c r="F8" s="5">
        <v>1</v>
      </c>
    </row>
    <row r="9" spans="1:7">
      <c r="A9" s="56" t="s">
        <v>171</v>
      </c>
      <c r="B9" s="6">
        <v>4</v>
      </c>
      <c r="C9" s="6">
        <v>0</v>
      </c>
      <c r="D9" s="6">
        <v>0</v>
      </c>
      <c r="E9" s="6">
        <v>0</v>
      </c>
      <c r="F9" s="6">
        <v>4</v>
      </c>
    </row>
    <row r="10" spans="1:7">
      <c r="A10" s="57"/>
      <c r="B10" s="5">
        <v>1</v>
      </c>
      <c r="C10" s="5">
        <v>0</v>
      </c>
      <c r="D10" s="5">
        <v>0</v>
      </c>
      <c r="E10" s="5">
        <v>0</v>
      </c>
      <c r="F10" s="5">
        <v>1</v>
      </c>
    </row>
    <row r="11" spans="1:7" ht="14.25" customHeight="1">
      <c r="A11" s="73" t="s">
        <v>29</v>
      </c>
      <c r="B11" s="4">
        <v>1591</v>
      </c>
      <c r="C11" s="4">
        <v>1625</v>
      </c>
      <c r="D11" s="4">
        <v>256</v>
      </c>
      <c r="E11" s="4">
        <v>100</v>
      </c>
      <c r="F11" s="4">
        <v>3572</v>
      </c>
    </row>
    <row r="12" spans="1:7">
      <c r="A12" s="74"/>
      <c r="B12" s="5">
        <v>0.44500000000000001</v>
      </c>
      <c r="C12" s="5">
        <v>0.45500000000000002</v>
      </c>
      <c r="D12" s="5">
        <v>7.1999999999999995E-2</v>
      </c>
      <c r="E12" s="5">
        <v>2.8000000000000001E-2</v>
      </c>
      <c r="F12" s="5">
        <v>1</v>
      </c>
    </row>
    <row r="13" spans="1:7">
      <c r="A13" s="54" t="s">
        <v>520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"/>
  <dimension ref="A1:F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6">
      <c r="A1" s="1" t="s">
        <v>529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60" t="s">
        <v>168</v>
      </c>
      <c r="B3" s="53" t="s">
        <v>113</v>
      </c>
      <c r="C3" s="53"/>
      <c r="D3" s="53"/>
      <c r="E3" s="53"/>
      <c r="F3" s="2"/>
    </row>
    <row r="4" spans="1:6" ht="28.5">
      <c r="A4" s="60"/>
      <c r="B4" s="8" t="s">
        <v>151</v>
      </c>
      <c r="C4" s="8" t="s">
        <v>152</v>
      </c>
      <c r="D4" s="8" t="s">
        <v>42</v>
      </c>
      <c r="E4" s="8" t="s">
        <v>29</v>
      </c>
    </row>
    <row r="5" spans="1:6">
      <c r="A5" s="56" t="s">
        <v>169</v>
      </c>
      <c r="B5" s="4">
        <v>1813</v>
      </c>
      <c r="C5" s="4">
        <v>23</v>
      </c>
      <c r="D5" s="4">
        <v>4</v>
      </c>
      <c r="E5" s="4">
        <v>1840</v>
      </c>
    </row>
    <row r="6" spans="1:6">
      <c r="A6" s="61"/>
      <c r="B6" s="5">
        <v>0.98499999999999999</v>
      </c>
      <c r="C6" s="5">
        <v>1.2999999999999999E-2</v>
      </c>
      <c r="D6" s="5">
        <v>2E-3</v>
      </c>
      <c r="E6" s="5">
        <v>1</v>
      </c>
    </row>
    <row r="7" spans="1:6">
      <c r="A7" s="56" t="s">
        <v>170</v>
      </c>
      <c r="B7" s="4">
        <v>1820</v>
      </c>
      <c r="C7" s="4">
        <v>16</v>
      </c>
      <c r="D7" s="4">
        <v>5</v>
      </c>
      <c r="E7" s="4">
        <v>1841</v>
      </c>
    </row>
    <row r="8" spans="1:6">
      <c r="A8" s="57"/>
      <c r="B8" s="5">
        <v>0.98899999999999999</v>
      </c>
      <c r="C8" s="5">
        <v>8.9999999999999993E-3</v>
      </c>
      <c r="D8" s="5">
        <v>3.0000000000000001E-3</v>
      </c>
      <c r="E8" s="5">
        <v>1</v>
      </c>
    </row>
    <row r="9" spans="1:6">
      <c r="A9" s="56" t="s">
        <v>171</v>
      </c>
      <c r="B9" s="6">
        <v>4</v>
      </c>
      <c r="C9" s="6">
        <v>0</v>
      </c>
      <c r="D9" s="6">
        <v>0</v>
      </c>
      <c r="E9" s="6">
        <v>4</v>
      </c>
    </row>
    <row r="10" spans="1:6">
      <c r="A10" s="57"/>
      <c r="B10" s="5">
        <v>1</v>
      </c>
      <c r="C10" s="5">
        <v>0</v>
      </c>
      <c r="D10" s="5">
        <v>0</v>
      </c>
      <c r="E10" s="5">
        <v>1</v>
      </c>
    </row>
    <row r="11" spans="1:6" ht="14.25" customHeight="1">
      <c r="A11" s="73" t="s">
        <v>29</v>
      </c>
      <c r="B11" s="4">
        <v>3637</v>
      </c>
      <c r="C11" s="4">
        <v>39</v>
      </c>
      <c r="D11" s="4">
        <v>9</v>
      </c>
      <c r="E11" s="4">
        <v>3685</v>
      </c>
    </row>
    <row r="12" spans="1:6">
      <c r="A12" s="74"/>
      <c r="B12" s="5">
        <v>0.98699999999999999</v>
      </c>
      <c r="C12" s="5">
        <v>1.0999999999999999E-2</v>
      </c>
      <c r="D12" s="5">
        <v>2E-3</v>
      </c>
      <c r="E12" s="5">
        <v>1</v>
      </c>
    </row>
    <row r="13" spans="1:6">
      <c r="A13" s="54" t="s">
        <v>106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2"/>
  <dimension ref="A1:G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7">
      <c r="A1" s="1" t="s">
        <v>530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60" t="s">
        <v>168</v>
      </c>
      <c r="B3" s="53" t="s">
        <v>114</v>
      </c>
      <c r="C3" s="53"/>
      <c r="D3" s="53"/>
      <c r="E3" s="53"/>
      <c r="F3" s="53"/>
      <c r="G3" s="2"/>
    </row>
    <row r="4" spans="1:7">
      <c r="A4" s="60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7">
      <c r="A5" s="56" t="s">
        <v>169</v>
      </c>
      <c r="B5" s="4">
        <v>370</v>
      </c>
      <c r="C5" s="4">
        <v>613</v>
      </c>
      <c r="D5" s="4">
        <v>840</v>
      </c>
      <c r="E5" s="4">
        <v>17</v>
      </c>
      <c r="F5" s="4">
        <v>1840</v>
      </c>
    </row>
    <row r="6" spans="1:7">
      <c r="A6" s="61"/>
      <c r="B6" s="5">
        <v>0.20100000000000001</v>
      </c>
      <c r="C6" s="5">
        <v>0.33300000000000002</v>
      </c>
      <c r="D6" s="5">
        <v>0.45700000000000002</v>
      </c>
      <c r="E6" s="5">
        <v>8.9999999999999993E-3</v>
      </c>
      <c r="F6" s="5">
        <v>1</v>
      </c>
    </row>
    <row r="7" spans="1:7">
      <c r="A7" s="56" t="s">
        <v>170</v>
      </c>
      <c r="B7" s="6">
        <v>299</v>
      </c>
      <c r="C7" s="6">
        <v>577</v>
      </c>
      <c r="D7" s="6">
        <v>951</v>
      </c>
      <c r="E7" s="6">
        <v>14</v>
      </c>
      <c r="F7" s="4">
        <v>1841</v>
      </c>
    </row>
    <row r="8" spans="1:7">
      <c r="A8" s="57"/>
      <c r="B8" s="5">
        <v>0.16200000000000001</v>
      </c>
      <c r="C8" s="5">
        <v>0.313</v>
      </c>
      <c r="D8" s="5">
        <v>0.51700000000000002</v>
      </c>
      <c r="E8" s="5">
        <v>8.0000000000000002E-3</v>
      </c>
      <c r="F8" s="5">
        <v>1</v>
      </c>
    </row>
    <row r="9" spans="1:7">
      <c r="A9" s="56" t="s">
        <v>171</v>
      </c>
      <c r="B9" s="6">
        <v>1</v>
      </c>
      <c r="C9" s="6">
        <v>2</v>
      </c>
      <c r="D9" s="6">
        <v>1</v>
      </c>
      <c r="E9" s="6">
        <v>0</v>
      </c>
      <c r="F9" s="6">
        <v>4</v>
      </c>
    </row>
    <row r="10" spans="1:7">
      <c r="A10" s="57"/>
      <c r="B10" s="5">
        <v>0.25</v>
      </c>
      <c r="C10" s="5">
        <v>0.5</v>
      </c>
      <c r="D10" s="5">
        <v>0.25</v>
      </c>
      <c r="E10" s="5">
        <v>0</v>
      </c>
      <c r="F10" s="5">
        <v>1</v>
      </c>
    </row>
    <row r="11" spans="1:7" ht="14.25" customHeight="1">
      <c r="A11" s="73" t="s">
        <v>29</v>
      </c>
      <c r="B11" s="4">
        <v>670</v>
      </c>
      <c r="C11" s="4">
        <v>1192</v>
      </c>
      <c r="D11" s="4">
        <v>1792</v>
      </c>
      <c r="E11" s="4">
        <v>31</v>
      </c>
      <c r="F11" s="4">
        <v>3685</v>
      </c>
    </row>
    <row r="12" spans="1:7">
      <c r="A12" s="74"/>
      <c r="B12" s="5">
        <v>0.182</v>
      </c>
      <c r="C12" s="5">
        <v>0.32300000000000001</v>
      </c>
      <c r="D12" s="5">
        <v>0.48599999999999999</v>
      </c>
      <c r="E12" s="5">
        <v>8.0000000000000002E-3</v>
      </c>
      <c r="F12" s="5">
        <v>1</v>
      </c>
    </row>
    <row r="13" spans="1:7">
      <c r="A13" s="54" t="s">
        <v>115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3"/>
  <dimension ref="A1:H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8">
      <c r="A1" s="1" t="s">
        <v>531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60" t="s">
        <v>168</v>
      </c>
      <c r="B3" s="53" t="s">
        <v>116</v>
      </c>
      <c r="C3" s="53"/>
      <c r="D3" s="53"/>
      <c r="E3" s="53"/>
      <c r="F3" s="53"/>
      <c r="G3" s="53"/>
      <c r="H3" s="2"/>
    </row>
    <row r="4" spans="1:8" ht="28.5">
      <c r="A4" s="60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8">
      <c r="A5" s="56" t="s">
        <v>169</v>
      </c>
      <c r="B5" s="4">
        <v>1389</v>
      </c>
      <c r="C5" s="4">
        <v>140</v>
      </c>
      <c r="D5" s="4">
        <v>243</v>
      </c>
      <c r="E5" s="4">
        <v>62</v>
      </c>
      <c r="F5" s="4">
        <v>6</v>
      </c>
      <c r="G5" s="4">
        <v>1840</v>
      </c>
    </row>
    <row r="6" spans="1:8">
      <c r="A6" s="61"/>
      <c r="B6" s="5">
        <v>0.755</v>
      </c>
      <c r="C6" s="5">
        <v>7.5999999999999998E-2</v>
      </c>
      <c r="D6" s="5">
        <v>0.13200000000000001</v>
      </c>
      <c r="E6" s="5">
        <v>3.4000000000000002E-2</v>
      </c>
      <c r="F6" s="5">
        <v>3.0000000000000001E-3</v>
      </c>
      <c r="G6" s="5">
        <v>1</v>
      </c>
    </row>
    <row r="7" spans="1:8">
      <c r="A7" s="56" t="s">
        <v>170</v>
      </c>
      <c r="B7" s="4">
        <v>1432</v>
      </c>
      <c r="C7" s="4">
        <v>128</v>
      </c>
      <c r="D7" s="4">
        <v>210</v>
      </c>
      <c r="E7" s="4">
        <v>58</v>
      </c>
      <c r="F7" s="4">
        <v>13</v>
      </c>
      <c r="G7" s="4">
        <v>1841</v>
      </c>
    </row>
    <row r="8" spans="1:8">
      <c r="A8" s="57"/>
      <c r="B8" s="5">
        <v>0.77800000000000002</v>
      </c>
      <c r="C8" s="5">
        <v>7.0000000000000007E-2</v>
      </c>
      <c r="D8" s="5">
        <v>0.114</v>
      </c>
      <c r="E8" s="5">
        <v>3.2000000000000001E-2</v>
      </c>
      <c r="F8" s="5">
        <v>7.0000000000000001E-3</v>
      </c>
      <c r="G8" s="5">
        <v>1</v>
      </c>
    </row>
    <row r="9" spans="1:8">
      <c r="A9" s="56" t="s">
        <v>171</v>
      </c>
      <c r="B9" s="6">
        <v>4</v>
      </c>
      <c r="C9" s="6">
        <v>0</v>
      </c>
      <c r="D9" s="6">
        <v>0</v>
      </c>
      <c r="E9" s="6">
        <v>0</v>
      </c>
      <c r="F9" s="6">
        <v>0</v>
      </c>
      <c r="G9" s="6">
        <v>4</v>
      </c>
    </row>
    <row r="10" spans="1:8">
      <c r="A10" s="57"/>
      <c r="B10" s="5">
        <v>1</v>
      </c>
      <c r="C10" s="5">
        <v>0</v>
      </c>
      <c r="D10" s="5">
        <v>0</v>
      </c>
      <c r="E10" s="5">
        <v>0</v>
      </c>
      <c r="F10" s="5">
        <v>0</v>
      </c>
      <c r="G10" s="5">
        <v>1</v>
      </c>
    </row>
    <row r="11" spans="1:8" ht="14.25" customHeight="1">
      <c r="A11" s="73" t="s">
        <v>29</v>
      </c>
      <c r="B11" s="4">
        <v>2825</v>
      </c>
      <c r="C11" s="4">
        <v>268</v>
      </c>
      <c r="D11" s="4">
        <v>453</v>
      </c>
      <c r="E11" s="4">
        <v>120</v>
      </c>
      <c r="F11" s="4">
        <v>19</v>
      </c>
      <c r="G11" s="4">
        <v>3685</v>
      </c>
    </row>
    <row r="12" spans="1:8">
      <c r="A12" s="74"/>
      <c r="B12" s="5">
        <v>0.76700000000000002</v>
      </c>
      <c r="C12" s="5">
        <v>7.2999999999999995E-2</v>
      </c>
      <c r="D12" s="5">
        <v>0.123</v>
      </c>
      <c r="E12" s="5">
        <v>3.3000000000000002E-2</v>
      </c>
      <c r="F12" s="5">
        <v>5.0000000000000001E-3</v>
      </c>
      <c r="G12" s="5">
        <v>1</v>
      </c>
    </row>
    <row r="13" spans="1:8">
      <c r="A13" s="54" t="s">
        <v>119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4"/>
  <dimension ref="A1:G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7">
      <c r="A1" s="1" t="s">
        <v>532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60" t="s">
        <v>168</v>
      </c>
      <c r="B3" s="53" t="s">
        <v>117</v>
      </c>
      <c r="C3" s="53"/>
      <c r="D3" s="53"/>
      <c r="E3" s="53"/>
      <c r="F3" s="53"/>
      <c r="G3" s="2"/>
    </row>
    <row r="4" spans="1:7" ht="28.5">
      <c r="A4" s="60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7">
      <c r="A5" s="56" t="s">
        <v>169</v>
      </c>
      <c r="B5" s="4">
        <v>1007</v>
      </c>
      <c r="C5" s="4">
        <v>764</v>
      </c>
      <c r="D5" s="4">
        <v>60</v>
      </c>
      <c r="E5" s="4">
        <v>9</v>
      </c>
      <c r="F5" s="4">
        <v>1840</v>
      </c>
    </row>
    <row r="6" spans="1:7">
      <c r="A6" s="61"/>
      <c r="B6" s="5">
        <v>0.54700000000000004</v>
      </c>
      <c r="C6" s="5">
        <v>0.41499999999999998</v>
      </c>
      <c r="D6" s="5">
        <v>3.3000000000000002E-2</v>
      </c>
      <c r="E6" s="5">
        <v>5.0000000000000001E-3</v>
      </c>
      <c r="F6" s="5">
        <v>1</v>
      </c>
    </row>
    <row r="7" spans="1:7">
      <c r="A7" s="56" t="s">
        <v>170</v>
      </c>
      <c r="B7" s="4">
        <v>1049</v>
      </c>
      <c r="C7" s="4">
        <v>716</v>
      </c>
      <c r="D7" s="4">
        <v>62</v>
      </c>
      <c r="E7" s="4">
        <v>14</v>
      </c>
      <c r="F7" s="4">
        <v>1841</v>
      </c>
    </row>
    <row r="8" spans="1:7">
      <c r="A8" s="57"/>
      <c r="B8" s="5">
        <v>0.56999999999999995</v>
      </c>
      <c r="C8" s="5">
        <v>0.38900000000000001</v>
      </c>
      <c r="D8" s="5">
        <v>3.4000000000000002E-2</v>
      </c>
      <c r="E8" s="5">
        <v>8.0000000000000002E-3</v>
      </c>
      <c r="F8" s="5">
        <v>1</v>
      </c>
    </row>
    <row r="9" spans="1:7">
      <c r="A9" s="56" t="s">
        <v>171</v>
      </c>
      <c r="B9" s="6">
        <v>1</v>
      </c>
      <c r="C9" s="6">
        <v>3</v>
      </c>
      <c r="D9" s="6">
        <v>0</v>
      </c>
      <c r="E9" s="6">
        <v>0</v>
      </c>
      <c r="F9" s="6">
        <v>4</v>
      </c>
    </row>
    <row r="10" spans="1:7">
      <c r="A10" s="57"/>
      <c r="B10" s="5">
        <v>0.25</v>
      </c>
      <c r="C10" s="5">
        <v>0.75</v>
      </c>
      <c r="D10" s="5">
        <v>0</v>
      </c>
      <c r="E10" s="5">
        <v>0</v>
      </c>
      <c r="F10" s="5">
        <v>1</v>
      </c>
    </row>
    <row r="11" spans="1:7" ht="14.25" customHeight="1">
      <c r="A11" s="73" t="s">
        <v>29</v>
      </c>
      <c r="B11" s="4">
        <v>2057</v>
      </c>
      <c r="C11" s="4">
        <v>1483</v>
      </c>
      <c r="D11" s="4">
        <v>122</v>
      </c>
      <c r="E11" s="4">
        <v>23</v>
      </c>
      <c r="F11" s="4">
        <v>3685</v>
      </c>
    </row>
    <row r="12" spans="1:7">
      <c r="A12" s="74"/>
      <c r="B12" s="5">
        <v>0.55800000000000005</v>
      </c>
      <c r="C12" s="5">
        <v>0.40200000000000002</v>
      </c>
      <c r="D12" s="5">
        <v>3.3000000000000002E-2</v>
      </c>
      <c r="E12" s="5">
        <v>6.0000000000000001E-3</v>
      </c>
      <c r="F12" s="5">
        <v>1</v>
      </c>
    </row>
    <row r="13" spans="1:7">
      <c r="A13" s="54" t="s">
        <v>118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5"/>
  <dimension ref="A1:F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6">
      <c r="A1" s="1" t="s">
        <v>533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60" t="s">
        <v>168</v>
      </c>
      <c r="B3" s="53" t="s">
        <v>120</v>
      </c>
      <c r="C3" s="53"/>
      <c r="D3" s="53"/>
      <c r="E3" s="53"/>
      <c r="F3" s="2"/>
    </row>
    <row r="4" spans="1:6">
      <c r="A4" s="60"/>
      <c r="B4" s="3" t="s">
        <v>153</v>
      </c>
      <c r="C4" s="3" t="s">
        <v>155</v>
      </c>
      <c r="D4" s="3" t="s">
        <v>27</v>
      </c>
      <c r="E4" s="3" t="s">
        <v>28</v>
      </c>
    </row>
    <row r="5" spans="1:6">
      <c r="A5" s="56" t="s">
        <v>169</v>
      </c>
      <c r="B5" s="4">
        <v>1131</v>
      </c>
      <c r="C5" s="4">
        <v>707</v>
      </c>
      <c r="D5" s="4">
        <v>2</v>
      </c>
      <c r="E5" s="4">
        <v>1840</v>
      </c>
    </row>
    <row r="6" spans="1:6">
      <c r="A6" s="61"/>
      <c r="B6" s="5">
        <v>0.61499999999999999</v>
      </c>
      <c r="C6" s="5">
        <v>0.38400000000000001</v>
      </c>
      <c r="D6" s="5">
        <v>1E-3</v>
      </c>
      <c r="E6" s="5">
        <v>1</v>
      </c>
    </row>
    <row r="7" spans="1:6">
      <c r="A7" s="56" t="s">
        <v>170</v>
      </c>
      <c r="B7" s="4">
        <v>1182</v>
      </c>
      <c r="C7" s="4">
        <v>651</v>
      </c>
      <c r="D7" s="4">
        <v>8</v>
      </c>
      <c r="E7" s="4">
        <v>1841</v>
      </c>
    </row>
    <row r="8" spans="1:6">
      <c r="A8" s="57"/>
      <c r="B8" s="5">
        <v>0.64200000000000002</v>
      </c>
      <c r="C8" s="5">
        <v>0.35399999999999998</v>
      </c>
      <c r="D8" s="5">
        <v>4.0000000000000001E-3</v>
      </c>
      <c r="E8" s="5">
        <v>1</v>
      </c>
    </row>
    <row r="9" spans="1:6">
      <c r="A9" s="56" t="s">
        <v>171</v>
      </c>
      <c r="B9" s="6">
        <v>3</v>
      </c>
      <c r="C9" s="6">
        <v>1</v>
      </c>
      <c r="D9" s="6">
        <v>0</v>
      </c>
      <c r="E9" s="6">
        <v>4</v>
      </c>
    </row>
    <row r="10" spans="1:6">
      <c r="A10" s="57"/>
      <c r="B10" s="5">
        <v>0.75</v>
      </c>
      <c r="C10" s="5">
        <v>0.25</v>
      </c>
      <c r="D10" s="5">
        <v>0</v>
      </c>
      <c r="E10" s="5">
        <v>1</v>
      </c>
    </row>
    <row r="11" spans="1:6" ht="14.25" customHeight="1">
      <c r="A11" s="73" t="s">
        <v>29</v>
      </c>
      <c r="B11" s="4">
        <v>2316</v>
      </c>
      <c r="C11" s="4">
        <v>1359</v>
      </c>
      <c r="D11" s="4">
        <v>10</v>
      </c>
      <c r="E11" s="4">
        <v>3685</v>
      </c>
    </row>
    <row r="12" spans="1:6">
      <c r="A12" s="74"/>
      <c r="B12" s="5">
        <v>0.628</v>
      </c>
      <c r="C12" s="5">
        <v>0.36899999999999999</v>
      </c>
      <c r="D12" s="5">
        <v>3.0000000000000001E-3</v>
      </c>
      <c r="E12" s="5">
        <v>1</v>
      </c>
    </row>
    <row r="13" spans="1:6">
      <c r="A13" s="54" t="s">
        <v>121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6"/>
  <sheetViews>
    <sheetView zoomScaleNormal="100" workbookViewId="0">
      <selection activeCell="A2" sqref="A2"/>
    </sheetView>
  </sheetViews>
  <sheetFormatPr defaultColWidth="9" defaultRowHeight="14.25"/>
  <cols>
    <col min="1" max="1" width="8.875" style="1" customWidth="1"/>
    <col min="2" max="3" width="9" style="1" customWidth="1"/>
    <col min="4" max="16384" width="9" style="1"/>
  </cols>
  <sheetData>
    <row r="1" spans="1:7">
      <c r="A1" s="1" t="s">
        <v>616</v>
      </c>
    </row>
    <row r="2" spans="1:7" ht="14.25" customHeight="1">
      <c r="A2" s="41" t="s">
        <v>812</v>
      </c>
      <c r="C2" s="7"/>
      <c r="D2" s="7"/>
      <c r="E2" s="7"/>
    </row>
    <row r="3" spans="1:7" ht="59.25" customHeight="1">
      <c r="A3" s="60" t="s">
        <v>168</v>
      </c>
      <c r="B3" s="62" t="s">
        <v>620</v>
      </c>
      <c r="C3" s="63"/>
      <c r="D3" s="62" t="s">
        <v>241</v>
      </c>
      <c r="E3" s="63"/>
      <c r="F3" s="62" t="s">
        <v>242</v>
      </c>
      <c r="G3" s="64"/>
    </row>
    <row r="4" spans="1:7">
      <c r="A4" s="60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7">
      <c r="A5" s="56" t="s">
        <v>169</v>
      </c>
      <c r="B5" s="4">
        <v>105</v>
      </c>
      <c r="C5" s="4">
        <v>1026</v>
      </c>
      <c r="D5" s="4">
        <v>880</v>
      </c>
      <c r="E5" s="4">
        <v>251</v>
      </c>
      <c r="F5" s="4">
        <v>357</v>
      </c>
      <c r="G5" s="4">
        <v>774</v>
      </c>
    </row>
    <row r="6" spans="1:7">
      <c r="A6" s="61"/>
      <c r="B6" s="5">
        <v>9.2999999999999999E-2</v>
      </c>
      <c r="C6" s="5">
        <v>0.90700000000000003</v>
      </c>
      <c r="D6" s="5">
        <v>0.77800000000000002</v>
      </c>
      <c r="E6" s="5">
        <v>0.222</v>
      </c>
      <c r="F6" s="5">
        <v>0.316</v>
      </c>
      <c r="G6" s="5">
        <v>0.68400000000000005</v>
      </c>
    </row>
    <row r="7" spans="1:7">
      <c r="A7" s="56" t="s">
        <v>170</v>
      </c>
      <c r="B7" s="4">
        <v>78</v>
      </c>
      <c r="C7" s="4">
        <v>1104</v>
      </c>
      <c r="D7" s="4">
        <v>973</v>
      </c>
      <c r="E7" s="4">
        <v>209</v>
      </c>
      <c r="F7" s="4">
        <v>399</v>
      </c>
      <c r="G7" s="4">
        <v>783</v>
      </c>
    </row>
    <row r="8" spans="1:7">
      <c r="A8" s="57"/>
      <c r="B8" s="5">
        <v>6.6000000000000003E-2</v>
      </c>
      <c r="C8" s="5">
        <v>0.93400000000000005</v>
      </c>
      <c r="D8" s="5">
        <v>0.82299999999999995</v>
      </c>
      <c r="E8" s="5">
        <v>0.17699999999999999</v>
      </c>
      <c r="F8" s="5">
        <v>0.33800000000000002</v>
      </c>
      <c r="G8" s="5">
        <v>0.66200000000000003</v>
      </c>
    </row>
    <row r="9" spans="1:7">
      <c r="A9" s="56" t="s">
        <v>171</v>
      </c>
      <c r="B9" s="6">
        <v>0</v>
      </c>
      <c r="C9" s="6">
        <v>3</v>
      </c>
      <c r="D9" s="6">
        <v>2</v>
      </c>
      <c r="E9" s="6">
        <v>1</v>
      </c>
      <c r="F9" s="6">
        <v>1</v>
      </c>
      <c r="G9" s="6">
        <v>2</v>
      </c>
    </row>
    <row r="10" spans="1:7">
      <c r="A10" s="57"/>
      <c r="B10" s="5">
        <v>0</v>
      </c>
      <c r="C10" s="5">
        <v>1</v>
      </c>
      <c r="D10" s="5">
        <v>0.66700000000000004</v>
      </c>
      <c r="E10" s="5">
        <v>0.33300000000000002</v>
      </c>
      <c r="F10" s="5">
        <v>0.33300000000000002</v>
      </c>
      <c r="G10" s="5">
        <v>0.66700000000000004</v>
      </c>
    </row>
    <row r="11" spans="1:7" ht="14.25" customHeight="1">
      <c r="A11" s="73" t="s">
        <v>29</v>
      </c>
      <c r="B11" s="4">
        <v>183</v>
      </c>
      <c r="C11" s="4">
        <v>2133</v>
      </c>
      <c r="D11" s="4">
        <v>1855</v>
      </c>
      <c r="E11" s="4">
        <v>461</v>
      </c>
      <c r="F11" s="4">
        <v>757</v>
      </c>
      <c r="G11" s="4">
        <v>1559</v>
      </c>
    </row>
    <row r="12" spans="1:7">
      <c r="A12" s="74"/>
      <c r="B12" s="5">
        <v>7.9000000000000001E-2</v>
      </c>
      <c r="C12" s="5">
        <v>0.92100000000000004</v>
      </c>
      <c r="D12" s="5">
        <v>0.80100000000000005</v>
      </c>
      <c r="E12" s="5">
        <v>0.19900000000000001</v>
      </c>
      <c r="F12" s="5">
        <v>0.32700000000000001</v>
      </c>
      <c r="G12" s="5">
        <v>0.67300000000000004</v>
      </c>
    </row>
    <row r="14" spans="1:7" ht="30.75" customHeight="1">
      <c r="A14" s="60" t="s">
        <v>168</v>
      </c>
      <c r="B14" s="62" t="s">
        <v>243</v>
      </c>
      <c r="C14" s="63"/>
      <c r="D14" s="62" t="s">
        <v>244</v>
      </c>
      <c r="E14" s="63"/>
      <c r="F14" s="62" t="s">
        <v>245</v>
      </c>
      <c r="G14" s="64"/>
    </row>
    <row r="15" spans="1:7">
      <c r="A15" s="60"/>
      <c r="B15" s="8" t="s">
        <v>190</v>
      </c>
      <c r="C15" s="8" t="s">
        <v>191</v>
      </c>
      <c r="D15" s="8" t="s">
        <v>190</v>
      </c>
      <c r="E15" s="8" t="s">
        <v>191</v>
      </c>
      <c r="F15" s="8" t="s">
        <v>190</v>
      </c>
      <c r="G15" s="8" t="s">
        <v>191</v>
      </c>
    </row>
    <row r="16" spans="1:7">
      <c r="A16" s="56" t="s">
        <v>169</v>
      </c>
      <c r="B16" s="4">
        <v>722</v>
      </c>
      <c r="C16" s="4">
        <v>409</v>
      </c>
      <c r="D16" s="4">
        <v>30</v>
      </c>
      <c r="E16" s="4">
        <v>1101</v>
      </c>
      <c r="F16" s="4">
        <v>48</v>
      </c>
      <c r="G16" s="4">
        <v>1083</v>
      </c>
    </row>
    <row r="17" spans="1:7">
      <c r="A17" s="61"/>
      <c r="B17" s="5">
        <v>0.63800000000000001</v>
      </c>
      <c r="C17" s="5">
        <v>0.36199999999999999</v>
      </c>
      <c r="D17" s="5">
        <v>2.7E-2</v>
      </c>
      <c r="E17" s="5">
        <v>0.97299999999999998</v>
      </c>
      <c r="F17" s="5">
        <v>4.2000000000000003E-2</v>
      </c>
      <c r="G17" s="5">
        <v>0.95799999999999996</v>
      </c>
    </row>
    <row r="18" spans="1:7">
      <c r="A18" s="56" t="s">
        <v>170</v>
      </c>
      <c r="B18" s="4">
        <v>805</v>
      </c>
      <c r="C18" s="4">
        <v>377</v>
      </c>
      <c r="D18" s="4">
        <v>35</v>
      </c>
      <c r="E18" s="4">
        <v>1147</v>
      </c>
      <c r="F18" s="4">
        <v>45</v>
      </c>
      <c r="G18" s="4">
        <v>1137</v>
      </c>
    </row>
    <row r="19" spans="1:7">
      <c r="A19" s="57"/>
      <c r="B19" s="5">
        <v>0.68100000000000005</v>
      </c>
      <c r="C19" s="5">
        <v>0.31900000000000001</v>
      </c>
      <c r="D19" s="5">
        <v>0.03</v>
      </c>
      <c r="E19" s="5">
        <v>0.97</v>
      </c>
      <c r="F19" s="5">
        <v>3.7999999999999999E-2</v>
      </c>
      <c r="G19" s="5">
        <v>0.96199999999999997</v>
      </c>
    </row>
    <row r="20" spans="1:7">
      <c r="A20" s="56" t="s">
        <v>171</v>
      </c>
      <c r="B20" s="6">
        <v>1</v>
      </c>
      <c r="C20" s="6">
        <v>2</v>
      </c>
      <c r="D20" s="6">
        <v>0</v>
      </c>
      <c r="E20" s="6">
        <v>3</v>
      </c>
      <c r="F20" s="6">
        <v>0</v>
      </c>
      <c r="G20" s="6">
        <v>3</v>
      </c>
    </row>
    <row r="21" spans="1:7">
      <c r="A21" s="57"/>
      <c r="B21" s="5">
        <v>0.33300000000000002</v>
      </c>
      <c r="C21" s="5">
        <v>0.66700000000000004</v>
      </c>
      <c r="D21" s="5">
        <v>0</v>
      </c>
      <c r="E21" s="5">
        <v>1</v>
      </c>
      <c r="F21" s="5">
        <v>0</v>
      </c>
      <c r="G21" s="5">
        <v>1</v>
      </c>
    </row>
    <row r="22" spans="1:7" ht="14.25" customHeight="1">
      <c r="A22" s="73" t="s">
        <v>29</v>
      </c>
      <c r="B22" s="4">
        <v>1528</v>
      </c>
      <c r="C22" s="4">
        <v>788</v>
      </c>
      <c r="D22" s="4">
        <v>65</v>
      </c>
      <c r="E22" s="4">
        <v>2251</v>
      </c>
      <c r="F22" s="4">
        <v>93</v>
      </c>
      <c r="G22" s="4">
        <v>2223</v>
      </c>
    </row>
    <row r="23" spans="1:7">
      <c r="A23" s="74"/>
      <c r="B23" s="5">
        <v>0.66</v>
      </c>
      <c r="C23" s="5">
        <v>0.34</v>
      </c>
      <c r="D23" s="5">
        <v>2.8000000000000001E-2</v>
      </c>
      <c r="E23" s="5">
        <v>0.97199999999999998</v>
      </c>
      <c r="F23" s="5">
        <v>0.04</v>
      </c>
      <c r="G23" s="5">
        <v>0.96</v>
      </c>
    </row>
    <row r="24" spans="1:7">
      <c r="A24" s="32"/>
      <c r="B24" s="32"/>
      <c r="C24" s="32"/>
      <c r="D24" s="32"/>
      <c r="E24" s="32"/>
    </row>
    <row r="25" spans="1:7" ht="46.5" customHeight="1">
      <c r="A25" s="60" t="s">
        <v>168</v>
      </c>
      <c r="B25" s="62" t="s">
        <v>246</v>
      </c>
      <c r="C25" s="63"/>
      <c r="D25" s="62" t="s">
        <v>247</v>
      </c>
      <c r="E25" s="63"/>
      <c r="F25" s="62" t="s">
        <v>248</v>
      </c>
      <c r="G25" s="64"/>
    </row>
    <row r="26" spans="1:7">
      <c r="A26" s="60"/>
      <c r="B26" s="8" t="s">
        <v>190</v>
      </c>
      <c r="C26" s="8" t="s">
        <v>191</v>
      </c>
      <c r="D26" s="8" t="s">
        <v>190</v>
      </c>
      <c r="E26" s="8" t="s">
        <v>191</v>
      </c>
      <c r="F26" s="8" t="s">
        <v>190</v>
      </c>
      <c r="G26" s="8" t="s">
        <v>191</v>
      </c>
    </row>
    <row r="27" spans="1:7">
      <c r="A27" s="56" t="s">
        <v>169</v>
      </c>
      <c r="B27" s="4">
        <v>53</v>
      </c>
      <c r="C27" s="4">
        <v>1078</v>
      </c>
      <c r="D27" s="4">
        <v>2</v>
      </c>
      <c r="E27" s="4">
        <v>1129</v>
      </c>
      <c r="F27" s="4">
        <v>23</v>
      </c>
      <c r="G27" s="4">
        <v>1108</v>
      </c>
    </row>
    <row r="28" spans="1:7">
      <c r="A28" s="61"/>
      <c r="B28" s="5">
        <v>4.7E-2</v>
      </c>
      <c r="C28" s="5">
        <v>0.95299999999999996</v>
      </c>
      <c r="D28" s="5">
        <v>2E-3</v>
      </c>
      <c r="E28" s="5">
        <v>0.998</v>
      </c>
      <c r="F28" s="5">
        <v>0.02</v>
      </c>
      <c r="G28" s="5">
        <v>0.98</v>
      </c>
    </row>
    <row r="29" spans="1:7">
      <c r="A29" s="56" t="s">
        <v>170</v>
      </c>
      <c r="B29" s="4">
        <v>60</v>
      </c>
      <c r="C29" s="4">
        <v>1122</v>
      </c>
      <c r="D29" s="4">
        <v>4</v>
      </c>
      <c r="E29" s="4">
        <v>1178</v>
      </c>
      <c r="F29" s="4">
        <v>21</v>
      </c>
      <c r="G29" s="4">
        <v>1161</v>
      </c>
    </row>
    <row r="30" spans="1:7">
      <c r="A30" s="57"/>
      <c r="B30" s="5">
        <v>5.0999999999999997E-2</v>
      </c>
      <c r="C30" s="5">
        <v>0.94899999999999995</v>
      </c>
      <c r="D30" s="5">
        <v>3.0000000000000001E-3</v>
      </c>
      <c r="E30" s="5">
        <v>0.997</v>
      </c>
      <c r="F30" s="5">
        <v>1.7999999999999999E-2</v>
      </c>
      <c r="G30" s="5">
        <v>0.98199999999999998</v>
      </c>
    </row>
    <row r="31" spans="1:7">
      <c r="A31" s="56" t="s">
        <v>171</v>
      </c>
      <c r="B31" s="6">
        <v>1</v>
      </c>
      <c r="C31" s="6">
        <v>2</v>
      </c>
      <c r="D31" s="6">
        <v>0</v>
      </c>
      <c r="E31" s="6">
        <v>3</v>
      </c>
      <c r="F31" s="6">
        <v>0</v>
      </c>
      <c r="G31" s="6">
        <v>3</v>
      </c>
    </row>
    <row r="32" spans="1:7">
      <c r="A32" s="57"/>
      <c r="B32" s="5">
        <v>0.33300000000000002</v>
      </c>
      <c r="C32" s="5">
        <v>0.66700000000000004</v>
      </c>
      <c r="D32" s="5">
        <v>0</v>
      </c>
      <c r="E32" s="5">
        <v>1</v>
      </c>
      <c r="F32" s="5">
        <v>0</v>
      </c>
      <c r="G32" s="5">
        <v>1</v>
      </c>
    </row>
    <row r="33" spans="1:7">
      <c r="A33" s="73" t="s">
        <v>29</v>
      </c>
      <c r="B33" s="4">
        <v>114</v>
      </c>
      <c r="C33" s="4">
        <v>2202</v>
      </c>
      <c r="D33" s="4">
        <v>6</v>
      </c>
      <c r="E33" s="4">
        <v>2310</v>
      </c>
      <c r="F33" s="4">
        <v>44</v>
      </c>
      <c r="G33" s="4">
        <v>2272</v>
      </c>
    </row>
    <row r="34" spans="1:7">
      <c r="A34" s="74"/>
      <c r="B34" s="5">
        <v>4.9000000000000002E-2</v>
      </c>
      <c r="C34" s="5">
        <v>0.95099999999999996</v>
      </c>
      <c r="D34" s="5">
        <v>3.0000000000000001E-3</v>
      </c>
      <c r="E34" s="5">
        <v>0.997</v>
      </c>
      <c r="F34" s="5">
        <v>1.9E-2</v>
      </c>
      <c r="G34" s="5">
        <v>0.98099999999999998</v>
      </c>
    </row>
    <row r="35" spans="1:7" ht="14.25" customHeight="1">
      <c r="A35" s="55" t="s">
        <v>615</v>
      </c>
      <c r="B35" s="55"/>
      <c r="C35" s="55"/>
      <c r="D35" s="55"/>
      <c r="E35" s="55"/>
      <c r="F35" s="55"/>
      <c r="G35" s="55"/>
    </row>
    <row r="36" spans="1:7">
      <c r="A36" s="55"/>
      <c r="B36" s="55"/>
      <c r="C36" s="55"/>
      <c r="D36" s="55"/>
      <c r="E36" s="55"/>
      <c r="F36" s="55"/>
      <c r="G36" s="55"/>
    </row>
  </sheetData>
  <mergeCells count="25">
    <mergeCell ref="A31:A32"/>
    <mergeCell ref="A33:A34"/>
    <mergeCell ref="A35:G36"/>
    <mergeCell ref="D14:E14"/>
    <mergeCell ref="F14:G14"/>
    <mergeCell ref="B14:C14"/>
    <mergeCell ref="A16:A17"/>
    <mergeCell ref="A18:A19"/>
    <mergeCell ref="A20:A21"/>
    <mergeCell ref="A25:A26"/>
    <mergeCell ref="B25:C25"/>
    <mergeCell ref="D25:E25"/>
    <mergeCell ref="F25:G25"/>
    <mergeCell ref="A27:A28"/>
    <mergeCell ref="A29:A30"/>
    <mergeCell ref="F3:G3"/>
    <mergeCell ref="A9:A10"/>
    <mergeCell ref="A11:A12"/>
    <mergeCell ref="A14:A15"/>
    <mergeCell ref="A22:A23"/>
    <mergeCell ref="A3:A4"/>
    <mergeCell ref="B3:C3"/>
    <mergeCell ref="D3:E3"/>
    <mergeCell ref="A5:A6"/>
    <mergeCell ref="A7:A8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6"/>
  <dimension ref="A1:F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6">
      <c r="A1" s="1" t="s">
        <v>534</v>
      </c>
    </row>
    <row r="2" spans="1:6" ht="14.25" customHeight="1">
      <c r="A2" s="41" t="s">
        <v>812</v>
      </c>
      <c r="C2" s="7"/>
      <c r="D2" s="7"/>
      <c r="E2" s="7"/>
    </row>
    <row r="3" spans="1:6" ht="14.25" customHeight="1">
      <c r="A3" s="60" t="s">
        <v>168</v>
      </c>
      <c r="B3" s="53" t="s">
        <v>122</v>
      </c>
      <c r="C3" s="53"/>
      <c r="D3" s="53"/>
      <c r="E3" s="53"/>
      <c r="F3" s="2"/>
    </row>
    <row r="4" spans="1:6">
      <c r="A4" s="60"/>
      <c r="B4" s="3" t="s">
        <v>160</v>
      </c>
      <c r="C4" s="3" t="s">
        <v>161</v>
      </c>
      <c r="D4" s="3" t="s">
        <v>27</v>
      </c>
      <c r="E4" s="3" t="s">
        <v>28</v>
      </c>
    </row>
    <row r="5" spans="1:6">
      <c r="A5" s="56" t="s">
        <v>169</v>
      </c>
      <c r="B5" s="4">
        <v>979</v>
      </c>
      <c r="C5" s="4">
        <v>855</v>
      </c>
      <c r="D5" s="4">
        <v>6</v>
      </c>
      <c r="E5" s="4">
        <v>1840</v>
      </c>
    </row>
    <row r="6" spans="1:6">
      <c r="A6" s="61"/>
      <c r="B6" s="5">
        <v>0.53200000000000003</v>
      </c>
      <c r="C6" s="5">
        <v>0.46500000000000002</v>
      </c>
      <c r="D6" s="5">
        <v>3.0000000000000001E-3</v>
      </c>
      <c r="E6" s="5">
        <v>1</v>
      </c>
    </row>
    <row r="7" spans="1:6">
      <c r="A7" s="56" t="s">
        <v>170</v>
      </c>
      <c r="B7" s="4">
        <v>1050</v>
      </c>
      <c r="C7" s="4">
        <v>782</v>
      </c>
      <c r="D7" s="4">
        <v>9</v>
      </c>
      <c r="E7" s="4">
        <v>1841</v>
      </c>
    </row>
    <row r="8" spans="1:6">
      <c r="A8" s="57"/>
      <c r="B8" s="5">
        <v>0.56999999999999995</v>
      </c>
      <c r="C8" s="5">
        <v>0.42499999999999999</v>
      </c>
      <c r="D8" s="5">
        <v>5.0000000000000001E-3</v>
      </c>
      <c r="E8" s="5">
        <v>1</v>
      </c>
    </row>
    <row r="9" spans="1:6">
      <c r="A9" s="56" t="s">
        <v>171</v>
      </c>
      <c r="B9" s="6">
        <v>1</v>
      </c>
      <c r="C9" s="6">
        <v>3</v>
      </c>
      <c r="D9" s="6">
        <v>0</v>
      </c>
      <c r="E9" s="6">
        <v>4</v>
      </c>
    </row>
    <row r="10" spans="1:6">
      <c r="A10" s="57"/>
      <c r="B10" s="5">
        <v>0.25</v>
      </c>
      <c r="C10" s="5">
        <v>0.75</v>
      </c>
      <c r="D10" s="5">
        <v>0</v>
      </c>
      <c r="E10" s="5">
        <v>1</v>
      </c>
    </row>
    <row r="11" spans="1:6" ht="14.25" customHeight="1">
      <c r="A11" s="73" t="s">
        <v>29</v>
      </c>
      <c r="B11" s="4">
        <v>2030</v>
      </c>
      <c r="C11" s="4">
        <v>1640</v>
      </c>
      <c r="D11" s="4">
        <v>15</v>
      </c>
      <c r="E11" s="4">
        <v>3685</v>
      </c>
    </row>
    <row r="12" spans="1:6">
      <c r="A12" s="74"/>
      <c r="B12" s="5">
        <v>0.55100000000000005</v>
      </c>
      <c r="C12" s="5">
        <v>0.44500000000000001</v>
      </c>
      <c r="D12" s="5">
        <v>4.0000000000000001E-3</v>
      </c>
      <c r="E12" s="5">
        <v>1</v>
      </c>
    </row>
    <row r="13" spans="1:6">
      <c r="A13" s="54" t="s">
        <v>123</v>
      </c>
      <c r="B13" s="54"/>
      <c r="C13" s="54"/>
      <c r="D13" s="54"/>
      <c r="E13" s="54"/>
    </row>
    <row r="14" spans="1:6">
      <c r="A14" s="55"/>
      <c r="B14" s="55"/>
      <c r="C14" s="55"/>
      <c r="D14" s="55"/>
      <c r="E14" s="55"/>
    </row>
  </sheetData>
  <mergeCells count="7">
    <mergeCell ref="A13:E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7"/>
  <dimension ref="A1:H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8">
      <c r="A1" s="1" t="s">
        <v>535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60" t="s">
        <v>168</v>
      </c>
      <c r="B3" s="53" t="s">
        <v>126</v>
      </c>
      <c r="C3" s="53"/>
      <c r="D3" s="53"/>
      <c r="E3" s="53"/>
      <c r="F3" s="53"/>
      <c r="G3" s="53"/>
      <c r="H3" s="2"/>
    </row>
    <row r="4" spans="1:8" ht="28.5">
      <c r="A4" s="60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8">
      <c r="A5" s="56" t="s">
        <v>169</v>
      </c>
      <c r="B5" s="4">
        <v>323</v>
      </c>
      <c r="C5" s="4">
        <v>653</v>
      </c>
      <c r="D5" s="4">
        <v>523</v>
      </c>
      <c r="E5" s="4">
        <v>276</v>
      </c>
      <c r="F5" s="4">
        <v>65</v>
      </c>
      <c r="G5" s="4">
        <v>1840</v>
      </c>
    </row>
    <row r="6" spans="1:8">
      <c r="A6" s="61"/>
      <c r="B6" s="5">
        <v>0.17599999999999999</v>
      </c>
      <c r="C6" s="5">
        <v>0.35499999999999998</v>
      </c>
      <c r="D6" s="5">
        <v>0.28399999999999997</v>
      </c>
      <c r="E6" s="5">
        <v>0.15</v>
      </c>
      <c r="F6" s="5">
        <v>3.5000000000000003E-2</v>
      </c>
      <c r="G6" s="5">
        <v>1</v>
      </c>
    </row>
    <row r="7" spans="1:8">
      <c r="A7" s="56" t="s">
        <v>170</v>
      </c>
      <c r="B7" s="6">
        <v>271</v>
      </c>
      <c r="C7" s="6">
        <v>605</v>
      </c>
      <c r="D7" s="6">
        <v>552</v>
      </c>
      <c r="E7" s="6">
        <v>355</v>
      </c>
      <c r="F7" s="6">
        <v>58</v>
      </c>
      <c r="G7" s="4">
        <v>1841</v>
      </c>
    </row>
    <row r="8" spans="1:8">
      <c r="A8" s="57"/>
      <c r="B8" s="5">
        <v>0.14699999999999999</v>
      </c>
      <c r="C8" s="5">
        <v>0.32900000000000001</v>
      </c>
      <c r="D8" s="5">
        <v>0.3</v>
      </c>
      <c r="E8" s="5">
        <v>0.193</v>
      </c>
      <c r="F8" s="5">
        <v>3.2000000000000001E-2</v>
      </c>
      <c r="G8" s="5">
        <v>1</v>
      </c>
    </row>
    <row r="9" spans="1:8">
      <c r="A9" s="56" t="s">
        <v>171</v>
      </c>
      <c r="B9" s="6">
        <v>0</v>
      </c>
      <c r="C9" s="6">
        <v>1</v>
      </c>
      <c r="D9" s="6">
        <v>3</v>
      </c>
      <c r="E9" s="6">
        <v>0</v>
      </c>
      <c r="F9" s="6">
        <v>0</v>
      </c>
      <c r="G9" s="6">
        <v>4</v>
      </c>
    </row>
    <row r="10" spans="1:8">
      <c r="A10" s="57"/>
      <c r="B10" s="5">
        <v>0</v>
      </c>
      <c r="C10" s="5">
        <v>0.25</v>
      </c>
      <c r="D10" s="5">
        <v>0.75</v>
      </c>
      <c r="E10" s="5">
        <v>0</v>
      </c>
      <c r="F10" s="5">
        <v>0</v>
      </c>
      <c r="G10" s="5">
        <v>1</v>
      </c>
    </row>
    <row r="11" spans="1:8" ht="14.25" customHeight="1">
      <c r="A11" s="73" t="s">
        <v>29</v>
      </c>
      <c r="B11" s="4">
        <v>594</v>
      </c>
      <c r="C11" s="4">
        <v>1259</v>
      </c>
      <c r="D11" s="4">
        <v>1078</v>
      </c>
      <c r="E11" s="4">
        <v>631</v>
      </c>
      <c r="F11" s="4">
        <v>123</v>
      </c>
      <c r="G11" s="4">
        <v>3685</v>
      </c>
    </row>
    <row r="12" spans="1:8">
      <c r="A12" s="74"/>
      <c r="B12" s="5">
        <v>0.161</v>
      </c>
      <c r="C12" s="5">
        <v>0.34200000000000003</v>
      </c>
      <c r="D12" s="5">
        <v>0.29299999999999998</v>
      </c>
      <c r="E12" s="5">
        <v>0.17100000000000001</v>
      </c>
      <c r="F12" s="5">
        <v>3.3000000000000002E-2</v>
      </c>
      <c r="G12" s="5">
        <v>1</v>
      </c>
    </row>
    <row r="13" spans="1:8">
      <c r="A13" s="54" t="s">
        <v>127</v>
      </c>
      <c r="B13" s="54"/>
      <c r="C13" s="54"/>
      <c r="D13" s="54"/>
      <c r="E13" s="54"/>
      <c r="F13" s="54"/>
      <c r="G13" s="54"/>
    </row>
    <row r="14" spans="1:8">
      <c r="A14" s="55"/>
      <c r="B14" s="55"/>
      <c r="C14" s="55"/>
      <c r="D14" s="55"/>
      <c r="E14" s="55"/>
      <c r="F14" s="55"/>
      <c r="G14" s="55"/>
    </row>
  </sheetData>
  <mergeCells count="7">
    <mergeCell ref="A13:G14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8"/>
  <dimension ref="A1:G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7">
      <c r="A1" s="1" t="s">
        <v>536</v>
      </c>
    </row>
    <row r="2" spans="1:7" ht="14.25" customHeight="1">
      <c r="A2" s="41" t="s">
        <v>812</v>
      </c>
      <c r="C2" s="7"/>
      <c r="D2" s="7"/>
      <c r="E2" s="7"/>
      <c r="F2" s="7"/>
    </row>
    <row r="3" spans="1:7" ht="14.25" customHeight="1">
      <c r="A3" s="60" t="s">
        <v>168</v>
      </c>
      <c r="B3" s="53" t="s">
        <v>128</v>
      </c>
      <c r="C3" s="53"/>
      <c r="D3" s="53"/>
      <c r="E3" s="53"/>
      <c r="F3" s="53"/>
      <c r="G3" s="2"/>
    </row>
    <row r="4" spans="1:7" ht="28.5">
      <c r="A4" s="60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7">
      <c r="A5" s="56" t="s">
        <v>169</v>
      </c>
      <c r="B5" s="4">
        <v>101</v>
      </c>
      <c r="C5" s="4">
        <v>1387</v>
      </c>
      <c r="D5" s="4">
        <v>351</v>
      </c>
      <c r="E5" s="4">
        <v>1</v>
      </c>
      <c r="F5" s="4">
        <v>1840</v>
      </c>
    </row>
    <row r="6" spans="1:7">
      <c r="A6" s="61"/>
      <c r="B6" s="5">
        <v>5.5E-2</v>
      </c>
      <c r="C6" s="5">
        <v>0.754</v>
      </c>
      <c r="D6" s="5">
        <v>0.191</v>
      </c>
      <c r="E6" s="5">
        <v>1E-3</v>
      </c>
      <c r="F6" s="5">
        <v>1</v>
      </c>
    </row>
    <row r="7" spans="1:7">
      <c r="A7" s="56" t="s">
        <v>170</v>
      </c>
      <c r="B7" s="4">
        <v>85</v>
      </c>
      <c r="C7" s="4">
        <v>1431</v>
      </c>
      <c r="D7" s="4">
        <v>320</v>
      </c>
      <c r="E7" s="4">
        <v>5</v>
      </c>
      <c r="F7" s="4">
        <v>1841</v>
      </c>
    </row>
    <row r="8" spans="1:7">
      <c r="A8" s="57"/>
      <c r="B8" s="5">
        <v>4.5999999999999999E-2</v>
      </c>
      <c r="C8" s="5">
        <v>0.77700000000000002</v>
      </c>
      <c r="D8" s="5">
        <v>0.17399999999999999</v>
      </c>
      <c r="E8" s="5">
        <v>3.0000000000000001E-3</v>
      </c>
      <c r="F8" s="5">
        <v>1</v>
      </c>
    </row>
    <row r="9" spans="1:7">
      <c r="A9" s="56" t="s">
        <v>171</v>
      </c>
      <c r="B9" s="6">
        <v>0</v>
      </c>
      <c r="C9" s="6">
        <v>3</v>
      </c>
      <c r="D9" s="6">
        <v>1</v>
      </c>
      <c r="E9" s="6">
        <v>0</v>
      </c>
      <c r="F9" s="6">
        <v>4</v>
      </c>
    </row>
    <row r="10" spans="1:7">
      <c r="A10" s="57"/>
      <c r="B10" s="5">
        <v>0</v>
      </c>
      <c r="C10" s="5">
        <v>0.75</v>
      </c>
      <c r="D10" s="5">
        <v>0.25</v>
      </c>
      <c r="E10" s="5">
        <v>0</v>
      </c>
      <c r="F10" s="5">
        <v>1</v>
      </c>
    </row>
    <row r="11" spans="1:7" ht="14.25" customHeight="1">
      <c r="A11" s="73" t="s">
        <v>29</v>
      </c>
      <c r="B11" s="4">
        <v>186</v>
      </c>
      <c r="C11" s="4">
        <v>2821</v>
      </c>
      <c r="D11" s="4">
        <v>672</v>
      </c>
      <c r="E11" s="4">
        <v>6</v>
      </c>
      <c r="F11" s="4">
        <v>3685</v>
      </c>
    </row>
    <row r="12" spans="1:7">
      <c r="A12" s="74"/>
      <c r="B12" s="5">
        <v>0.05</v>
      </c>
      <c r="C12" s="5">
        <v>0.76600000000000001</v>
      </c>
      <c r="D12" s="5">
        <v>0.182</v>
      </c>
      <c r="E12" s="5">
        <v>2E-3</v>
      </c>
      <c r="F12" s="5">
        <v>1</v>
      </c>
    </row>
    <row r="13" spans="1:7">
      <c r="A13" s="54" t="s">
        <v>129</v>
      </c>
      <c r="B13" s="54"/>
      <c r="C13" s="54"/>
      <c r="D13" s="54"/>
      <c r="E13" s="54"/>
      <c r="F13" s="54"/>
    </row>
    <row r="14" spans="1:7">
      <c r="A14" s="55"/>
      <c r="B14" s="55"/>
      <c r="C14" s="55"/>
      <c r="D14" s="55"/>
      <c r="E14" s="55"/>
      <c r="F14" s="55"/>
    </row>
  </sheetData>
  <mergeCells count="7">
    <mergeCell ref="A13:F14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Q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7">
      <c r="A1" s="1" t="s">
        <v>94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26</v>
      </c>
      <c r="B3" s="53" t="s">
        <v>107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135</v>
      </c>
      <c r="C4" s="8" t="s">
        <v>136</v>
      </c>
      <c r="D4" s="8" t="s">
        <v>137</v>
      </c>
      <c r="E4" s="8" t="s">
        <v>138</v>
      </c>
      <c r="F4" s="8" t="s">
        <v>42</v>
      </c>
      <c r="G4" s="8" t="s">
        <v>29</v>
      </c>
    </row>
    <row r="5" spans="1:17">
      <c r="A5" s="56" t="s">
        <v>30</v>
      </c>
      <c r="B5" s="4">
        <v>449</v>
      </c>
      <c r="C5" s="4">
        <v>438</v>
      </c>
      <c r="D5" s="4">
        <v>170</v>
      </c>
      <c r="E5" s="4">
        <v>347</v>
      </c>
      <c r="F5" s="4">
        <v>2</v>
      </c>
      <c r="G5" s="4">
        <v>1406</v>
      </c>
    </row>
    <row r="6" spans="1:17">
      <c r="A6" s="61"/>
      <c r="B6" s="5">
        <v>0.31900000000000001</v>
      </c>
      <c r="C6" s="5">
        <v>0.312</v>
      </c>
      <c r="D6" s="5">
        <v>0.121</v>
      </c>
      <c r="E6" s="5">
        <v>0.247</v>
      </c>
      <c r="F6" s="5">
        <v>1E-3</v>
      </c>
      <c r="G6" s="5">
        <v>1</v>
      </c>
    </row>
    <row r="7" spans="1:17">
      <c r="A7" s="56" t="s">
        <v>31</v>
      </c>
      <c r="B7" s="6">
        <v>277</v>
      </c>
      <c r="C7" s="6">
        <v>230</v>
      </c>
      <c r="D7" s="6">
        <v>87</v>
      </c>
      <c r="E7" s="6">
        <v>168</v>
      </c>
      <c r="F7" s="6">
        <v>3</v>
      </c>
      <c r="G7" s="4">
        <v>765</v>
      </c>
      <c r="L7" s="9"/>
      <c r="M7" s="9"/>
      <c r="N7" s="9"/>
      <c r="O7" s="9"/>
      <c r="P7" s="9"/>
      <c r="Q7" s="9"/>
    </row>
    <row r="8" spans="1:17">
      <c r="A8" s="57"/>
      <c r="B8" s="5">
        <v>0.36199999999999999</v>
      </c>
      <c r="C8" s="5">
        <v>0.30099999999999999</v>
      </c>
      <c r="D8" s="5">
        <v>0.114</v>
      </c>
      <c r="E8" s="5">
        <v>0.22</v>
      </c>
      <c r="F8" s="5">
        <v>4.0000000000000001E-3</v>
      </c>
      <c r="G8" s="5">
        <v>1</v>
      </c>
    </row>
    <row r="9" spans="1:17">
      <c r="A9" s="56" t="s">
        <v>32</v>
      </c>
      <c r="B9" s="6">
        <v>85</v>
      </c>
      <c r="C9" s="6">
        <v>64</v>
      </c>
      <c r="D9" s="6">
        <v>33</v>
      </c>
      <c r="E9" s="6">
        <v>57</v>
      </c>
      <c r="F9" s="6">
        <v>1</v>
      </c>
      <c r="G9" s="6">
        <v>240</v>
      </c>
      <c r="L9" s="9"/>
      <c r="M9" s="9"/>
      <c r="N9" s="9"/>
      <c r="O9" s="9"/>
      <c r="P9" s="9"/>
      <c r="Q9" s="9"/>
    </row>
    <row r="10" spans="1:17">
      <c r="A10" s="57"/>
      <c r="B10" s="5">
        <v>0.35399999999999998</v>
      </c>
      <c r="C10" s="5">
        <v>0.26700000000000002</v>
      </c>
      <c r="D10" s="5">
        <v>0.13800000000000001</v>
      </c>
      <c r="E10" s="5">
        <v>0.23799999999999999</v>
      </c>
      <c r="F10" s="5">
        <v>4.0000000000000001E-3</v>
      </c>
      <c r="G10" s="5">
        <v>1</v>
      </c>
    </row>
    <row r="11" spans="1:17" ht="14.25" customHeight="1">
      <c r="A11" s="58" t="s">
        <v>38</v>
      </c>
      <c r="B11" s="6">
        <v>41</v>
      </c>
      <c r="C11" s="6">
        <v>70</v>
      </c>
      <c r="D11" s="6">
        <v>31</v>
      </c>
      <c r="E11" s="6">
        <v>56</v>
      </c>
      <c r="F11" s="6">
        <v>1</v>
      </c>
      <c r="G11" s="6">
        <v>199</v>
      </c>
      <c r="L11" s="9"/>
      <c r="M11" s="9"/>
      <c r="N11" s="9"/>
      <c r="O11" s="9"/>
      <c r="P11" s="9"/>
      <c r="Q11" s="9"/>
    </row>
    <row r="12" spans="1:17">
      <c r="A12" s="59"/>
      <c r="B12" s="5">
        <v>0.20599999999999999</v>
      </c>
      <c r="C12" s="5">
        <v>0.35199999999999998</v>
      </c>
      <c r="D12" s="5">
        <v>0.156</v>
      </c>
      <c r="E12" s="5">
        <v>0.28100000000000003</v>
      </c>
      <c r="F12" s="5">
        <v>5.0000000000000001E-3</v>
      </c>
      <c r="G12" s="5">
        <v>1</v>
      </c>
    </row>
    <row r="13" spans="1:17">
      <c r="A13" s="56" t="s">
        <v>33</v>
      </c>
      <c r="B13" s="6">
        <v>94</v>
      </c>
      <c r="C13" s="6">
        <v>93</v>
      </c>
      <c r="D13" s="6">
        <v>33</v>
      </c>
      <c r="E13" s="6">
        <v>69</v>
      </c>
      <c r="F13" s="6">
        <v>0</v>
      </c>
      <c r="G13" s="6">
        <v>289</v>
      </c>
      <c r="L13" s="9"/>
      <c r="M13" s="9"/>
      <c r="N13" s="9"/>
      <c r="O13" s="9"/>
      <c r="P13" s="9"/>
      <c r="Q13" s="9"/>
    </row>
    <row r="14" spans="1:17">
      <c r="A14" s="57"/>
      <c r="B14" s="5">
        <v>0.32500000000000001</v>
      </c>
      <c r="C14" s="5">
        <v>0.32200000000000001</v>
      </c>
      <c r="D14" s="5">
        <v>0.114</v>
      </c>
      <c r="E14" s="5">
        <v>0.23899999999999999</v>
      </c>
      <c r="F14" s="5">
        <v>0</v>
      </c>
      <c r="G14" s="5">
        <v>1</v>
      </c>
    </row>
    <row r="15" spans="1:17">
      <c r="A15" s="56" t="s">
        <v>34</v>
      </c>
      <c r="B15" s="6">
        <v>88</v>
      </c>
      <c r="C15" s="6">
        <v>76</v>
      </c>
      <c r="D15" s="6">
        <v>29</v>
      </c>
      <c r="E15" s="6">
        <v>59</v>
      </c>
      <c r="F15" s="6">
        <v>0</v>
      </c>
      <c r="G15" s="6">
        <v>252</v>
      </c>
      <c r="L15" s="9"/>
      <c r="M15" s="9"/>
      <c r="N15" s="9"/>
      <c r="O15" s="9"/>
      <c r="P15" s="9"/>
      <c r="Q15" s="9"/>
    </row>
    <row r="16" spans="1:17">
      <c r="A16" s="57"/>
      <c r="B16" s="5">
        <v>0.34899999999999998</v>
      </c>
      <c r="C16" s="5">
        <v>0.30199999999999999</v>
      </c>
      <c r="D16" s="5">
        <v>0.115</v>
      </c>
      <c r="E16" s="5">
        <v>0.23400000000000001</v>
      </c>
      <c r="F16" s="5">
        <v>0</v>
      </c>
      <c r="G16" s="5">
        <v>1</v>
      </c>
    </row>
    <row r="17" spans="1:17">
      <c r="A17" s="56" t="s">
        <v>35</v>
      </c>
      <c r="B17" s="6">
        <v>132</v>
      </c>
      <c r="C17" s="6">
        <v>130</v>
      </c>
      <c r="D17" s="6">
        <v>30</v>
      </c>
      <c r="E17" s="6">
        <v>83</v>
      </c>
      <c r="F17" s="6">
        <v>1</v>
      </c>
      <c r="G17" s="6">
        <v>376</v>
      </c>
      <c r="L17" s="9"/>
      <c r="M17" s="9"/>
      <c r="N17" s="9"/>
      <c r="O17" s="9"/>
      <c r="P17" s="9"/>
      <c r="Q17" s="9"/>
    </row>
    <row r="18" spans="1:17">
      <c r="A18" s="57"/>
      <c r="B18" s="5">
        <v>0.35099999999999998</v>
      </c>
      <c r="C18" s="5">
        <v>0.34599999999999997</v>
      </c>
      <c r="D18" s="5">
        <v>0.08</v>
      </c>
      <c r="E18" s="5">
        <v>0.221</v>
      </c>
      <c r="F18" s="5">
        <v>3.0000000000000001E-3</v>
      </c>
      <c r="G18" s="5">
        <v>1</v>
      </c>
    </row>
    <row r="19" spans="1:17">
      <c r="A19" s="56" t="s">
        <v>36</v>
      </c>
      <c r="B19" s="6">
        <v>44</v>
      </c>
      <c r="C19" s="6">
        <v>59</v>
      </c>
      <c r="D19" s="6">
        <v>20</v>
      </c>
      <c r="E19" s="6">
        <v>35</v>
      </c>
      <c r="F19" s="6">
        <v>0</v>
      </c>
      <c r="G19" s="6">
        <v>158</v>
      </c>
      <c r="L19" s="9"/>
      <c r="M19" s="9"/>
      <c r="N19" s="9"/>
      <c r="O19" s="9"/>
      <c r="P19" s="9"/>
      <c r="Q19" s="9"/>
    </row>
    <row r="20" spans="1:17">
      <c r="A20" s="57"/>
      <c r="B20" s="5">
        <v>0.27800000000000002</v>
      </c>
      <c r="C20" s="5">
        <v>0.373</v>
      </c>
      <c r="D20" s="5">
        <v>0.127</v>
      </c>
      <c r="E20" s="5">
        <v>0.222</v>
      </c>
      <c r="F20" s="5">
        <v>0</v>
      </c>
      <c r="G20" s="5">
        <v>1</v>
      </c>
    </row>
    <row r="21" spans="1:17">
      <c r="A21" s="56" t="s">
        <v>29</v>
      </c>
      <c r="B21" s="4">
        <v>1210</v>
      </c>
      <c r="C21" s="4">
        <v>1160</v>
      </c>
      <c r="D21" s="4">
        <v>433</v>
      </c>
      <c r="E21" s="4">
        <v>874</v>
      </c>
      <c r="F21" s="4">
        <v>8</v>
      </c>
      <c r="G21" s="4">
        <v>3685</v>
      </c>
      <c r="L21" s="9"/>
      <c r="M21" s="9"/>
      <c r="N21" s="9"/>
      <c r="O21" s="9"/>
      <c r="P21" s="9"/>
      <c r="Q21" s="9"/>
    </row>
    <row r="22" spans="1:17">
      <c r="A22" s="57"/>
      <c r="B22" s="5">
        <v>0.32800000000000001</v>
      </c>
      <c r="C22" s="5">
        <v>0.315</v>
      </c>
      <c r="D22" s="5">
        <v>0.11799999999999999</v>
      </c>
      <c r="E22" s="5">
        <v>0.23699999999999999</v>
      </c>
      <c r="F22" s="5">
        <v>2E-3</v>
      </c>
      <c r="G22" s="5">
        <v>1</v>
      </c>
    </row>
    <row r="23" spans="1:17">
      <c r="A23" s="54" t="s">
        <v>95</v>
      </c>
      <c r="B23" s="54"/>
      <c r="C23" s="54"/>
      <c r="D23" s="54"/>
      <c r="E23" s="54"/>
      <c r="F23" s="54"/>
      <c r="G23" s="54"/>
      <c r="L23" s="9"/>
      <c r="M23" s="9"/>
      <c r="N23" s="9"/>
      <c r="O23" s="9"/>
      <c r="P23" s="9"/>
      <c r="Q23" s="9"/>
    </row>
    <row r="24" spans="1:17">
      <c r="A24" s="55"/>
      <c r="B24" s="55"/>
      <c r="C24" s="55"/>
      <c r="D24" s="55"/>
      <c r="E24" s="55"/>
      <c r="F24" s="55"/>
      <c r="G24" s="55"/>
    </row>
  </sheetData>
  <mergeCells count="12">
    <mergeCell ref="A23:G24"/>
    <mergeCell ref="A3:A4"/>
    <mergeCell ref="B3:G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9"/>
  <dimension ref="A1:H1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8">
      <c r="A1" s="1" t="s">
        <v>537</v>
      </c>
    </row>
    <row r="2" spans="1:8" ht="14.25" customHeight="1">
      <c r="A2" s="41" t="s">
        <v>812</v>
      </c>
      <c r="C2" s="7"/>
      <c r="D2" s="7"/>
      <c r="E2" s="7"/>
      <c r="F2" s="7"/>
      <c r="G2" s="7"/>
    </row>
    <row r="3" spans="1:8" ht="14.25" customHeight="1">
      <c r="A3" s="60" t="s">
        <v>168</v>
      </c>
      <c r="B3" s="53" t="s">
        <v>130</v>
      </c>
      <c r="C3" s="53"/>
      <c r="D3" s="53"/>
      <c r="E3" s="53"/>
      <c r="F3" s="53"/>
      <c r="G3" s="53"/>
      <c r="H3" s="2"/>
    </row>
    <row r="4" spans="1:8" ht="28.5">
      <c r="A4" s="60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8">
      <c r="A5" s="56" t="s">
        <v>169</v>
      </c>
      <c r="B5" s="4">
        <v>68</v>
      </c>
      <c r="C5" s="4">
        <v>18</v>
      </c>
      <c r="D5" s="4">
        <v>6</v>
      </c>
      <c r="E5" s="4">
        <v>7</v>
      </c>
      <c r="F5" s="4">
        <v>2</v>
      </c>
      <c r="G5" s="4">
        <v>101</v>
      </c>
    </row>
    <row r="6" spans="1:8">
      <c r="A6" s="61"/>
      <c r="B6" s="5">
        <v>0.67300000000000004</v>
      </c>
      <c r="C6" s="5">
        <v>0.17799999999999999</v>
      </c>
      <c r="D6" s="5">
        <v>5.8999999999999997E-2</v>
      </c>
      <c r="E6" s="5">
        <v>6.9000000000000006E-2</v>
      </c>
      <c r="F6" s="5">
        <v>0.02</v>
      </c>
      <c r="G6" s="5">
        <v>1</v>
      </c>
    </row>
    <row r="7" spans="1:8">
      <c r="A7" s="56" t="s">
        <v>170</v>
      </c>
      <c r="B7" s="6">
        <v>52</v>
      </c>
      <c r="C7" s="6">
        <v>19</v>
      </c>
      <c r="D7" s="6">
        <v>4</v>
      </c>
      <c r="E7" s="6">
        <v>5</v>
      </c>
      <c r="F7" s="6">
        <v>5</v>
      </c>
      <c r="G7" s="4">
        <v>85</v>
      </c>
    </row>
    <row r="8" spans="1:8">
      <c r="A8" s="57"/>
      <c r="B8" s="5">
        <v>0.61199999999999999</v>
      </c>
      <c r="C8" s="5">
        <v>0.224</v>
      </c>
      <c r="D8" s="5">
        <v>4.7E-2</v>
      </c>
      <c r="E8" s="5">
        <v>5.8999999999999997E-2</v>
      </c>
      <c r="F8" s="5">
        <v>5.8999999999999997E-2</v>
      </c>
      <c r="G8" s="5">
        <v>1</v>
      </c>
    </row>
    <row r="9" spans="1:8">
      <c r="A9" s="56" t="s">
        <v>171</v>
      </c>
      <c r="B9" s="6">
        <v>120</v>
      </c>
      <c r="C9" s="6">
        <v>37</v>
      </c>
      <c r="D9" s="6">
        <v>10</v>
      </c>
      <c r="E9" s="6">
        <v>12</v>
      </c>
      <c r="F9" s="6">
        <v>7</v>
      </c>
      <c r="G9" s="6">
        <v>186</v>
      </c>
    </row>
    <row r="10" spans="1:8">
      <c r="A10" s="57"/>
      <c r="B10" s="5">
        <v>0.64500000000000002</v>
      </c>
      <c r="C10" s="5">
        <v>0.19900000000000001</v>
      </c>
      <c r="D10" s="5">
        <v>5.3999999999999999E-2</v>
      </c>
      <c r="E10" s="5">
        <v>6.5000000000000002E-2</v>
      </c>
      <c r="F10" s="5">
        <v>3.7999999999999999E-2</v>
      </c>
      <c r="G10" s="5">
        <v>1</v>
      </c>
    </row>
    <row r="11" spans="1:8" ht="14.25" customHeight="1">
      <c r="A11" s="73" t="s">
        <v>29</v>
      </c>
      <c r="B11" s="6">
        <v>8</v>
      </c>
      <c r="C11" s="6">
        <v>3</v>
      </c>
      <c r="D11" s="6">
        <v>1</v>
      </c>
      <c r="E11" s="6">
        <v>3</v>
      </c>
      <c r="F11" s="6">
        <v>1</v>
      </c>
      <c r="G11" s="6">
        <v>16</v>
      </c>
    </row>
    <row r="12" spans="1:8">
      <c r="A12" s="74"/>
      <c r="B12" s="5">
        <v>0.5</v>
      </c>
      <c r="C12" s="5">
        <v>0.188</v>
      </c>
      <c r="D12" s="5">
        <v>6.3E-2</v>
      </c>
      <c r="E12" s="5">
        <v>0.188</v>
      </c>
      <c r="F12" s="5">
        <v>6.3E-2</v>
      </c>
      <c r="G12" s="5">
        <v>1</v>
      </c>
    </row>
    <row r="13" spans="1:8" ht="14.25" customHeight="1">
      <c r="A13" s="29" t="s">
        <v>131</v>
      </c>
      <c r="B13" s="31"/>
      <c r="C13" s="31"/>
      <c r="D13" s="31"/>
      <c r="E13" s="31"/>
      <c r="F13" s="31"/>
      <c r="G13" s="31"/>
    </row>
    <row r="14" spans="1:8">
      <c r="A14" s="32"/>
      <c r="B14" s="32"/>
      <c r="C14" s="32"/>
      <c r="D14" s="32"/>
      <c r="E14" s="32"/>
      <c r="F14" s="32"/>
      <c r="G14" s="32"/>
    </row>
  </sheetData>
  <mergeCells count="6">
    <mergeCell ref="A11:A12"/>
    <mergeCell ref="A3:A4"/>
    <mergeCell ref="B3:G3"/>
    <mergeCell ref="A5:A6"/>
    <mergeCell ref="A7:A8"/>
    <mergeCell ref="A9:A10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0"/>
  <dimension ref="A1:N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9" width="9" style="1"/>
    <col min="10" max="10" width="7" style="1" customWidth="1"/>
    <col min="11" max="16384" width="9" style="1"/>
  </cols>
  <sheetData>
    <row r="1" spans="1:14">
      <c r="A1" s="1" t="s">
        <v>538</v>
      </c>
    </row>
    <row r="2" spans="1:14" ht="14.25" customHeight="1">
      <c r="A2" s="41" t="s">
        <v>812</v>
      </c>
      <c r="C2" s="7"/>
      <c r="D2" s="7"/>
      <c r="E2" s="7"/>
    </row>
    <row r="3" spans="1:14" ht="14.25" customHeight="1">
      <c r="A3" s="60" t="s">
        <v>172</v>
      </c>
      <c r="B3" s="53" t="s">
        <v>39</v>
      </c>
      <c r="C3" s="53"/>
      <c r="D3" s="53"/>
      <c r="E3" s="53"/>
      <c r="F3" s="2"/>
    </row>
    <row r="4" spans="1:14">
      <c r="A4" s="60"/>
      <c r="B4" s="3" t="s">
        <v>132</v>
      </c>
      <c r="C4" s="3" t="s">
        <v>133</v>
      </c>
      <c r="D4" s="3" t="s">
        <v>42</v>
      </c>
      <c r="E4" s="3" t="s">
        <v>134</v>
      </c>
    </row>
    <row r="5" spans="1:14">
      <c r="A5" s="56" t="s">
        <v>173</v>
      </c>
      <c r="B5" s="4">
        <v>1532</v>
      </c>
      <c r="C5" s="4">
        <v>274</v>
      </c>
      <c r="D5" s="4">
        <v>13</v>
      </c>
      <c r="E5" s="4">
        <v>1819</v>
      </c>
    </row>
    <row r="6" spans="1:14">
      <c r="A6" s="61"/>
      <c r="B6" s="5">
        <v>0.84199999999999997</v>
      </c>
      <c r="C6" s="5">
        <v>0.151</v>
      </c>
      <c r="D6" s="5">
        <v>7.0000000000000001E-3</v>
      </c>
      <c r="E6" s="5">
        <v>1</v>
      </c>
    </row>
    <row r="7" spans="1:14">
      <c r="A7" s="56" t="s">
        <v>174</v>
      </c>
      <c r="B7" s="4">
        <v>1145</v>
      </c>
      <c r="C7" s="4">
        <v>192</v>
      </c>
      <c r="D7" s="4">
        <v>7</v>
      </c>
      <c r="E7" s="4">
        <v>1344</v>
      </c>
    </row>
    <row r="8" spans="1:14">
      <c r="A8" s="57"/>
      <c r="B8" s="5">
        <v>0.85199999999999998</v>
      </c>
      <c r="C8" s="5">
        <v>0.14299999999999999</v>
      </c>
      <c r="D8" s="5">
        <v>5.0000000000000001E-3</v>
      </c>
      <c r="E8" s="5">
        <v>1</v>
      </c>
      <c r="K8" s="9"/>
      <c r="L8" s="9"/>
      <c r="M8" s="9"/>
      <c r="N8" s="9"/>
    </row>
    <row r="9" spans="1:14">
      <c r="A9" s="56" t="s">
        <v>175</v>
      </c>
      <c r="B9" s="6">
        <v>372</v>
      </c>
      <c r="C9" s="6">
        <v>47</v>
      </c>
      <c r="D9" s="6">
        <v>1</v>
      </c>
      <c r="E9" s="6">
        <v>420</v>
      </c>
    </row>
    <row r="10" spans="1:14">
      <c r="A10" s="57"/>
      <c r="B10" s="5">
        <v>0.88600000000000001</v>
      </c>
      <c r="C10" s="5">
        <v>0.112</v>
      </c>
      <c r="D10" s="5">
        <v>2E-3</v>
      </c>
      <c r="E10" s="5">
        <v>1</v>
      </c>
      <c r="K10" s="9"/>
      <c r="L10" s="9"/>
      <c r="M10" s="9"/>
      <c r="N10" s="9"/>
    </row>
    <row r="11" spans="1:14" ht="14.25" customHeight="1">
      <c r="A11" s="73" t="s">
        <v>176</v>
      </c>
      <c r="B11" s="6">
        <v>77</v>
      </c>
      <c r="C11" s="6">
        <v>15</v>
      </c>
      <c r="D11" s="6">
        <v>1</v>
      </c>
      <c r="E11" s="6">
        <v>93</v>
      </c>
    </row>
    <row r="12" spans="1:14">
      <c r="A12" s="74"/>
      <c r="B12" s="5">
        <v>0.82799999999999996</v>
      </c>
      <c r="C12" s="5">
        <v>0.161</v>
      </c>
      <c r="D12" s="5">
        <v>1.0999999999999999E-2</v>
      </c>
      <c r="E12" s="5">
        <v>1</v>
      </c>
      <c r="K12" s="9"/>
      <c r="L12" s="9"/>
      <c r="M12" s="9"/>
      <c r="N12" s="9"/>
    </row>
    <row r="13" spans="1:14">
      <c r="A13" s="56" t="s">
        <v>171</v>
      </c>
      <c r="B13" s="6">
        <v>7</v>
      </c>
      <c r="C13" s="6">
        <v>2</v>
      </c>
      <c r="D13" s="6">
        <v>0</v>
      </c>
      <c r="E13" s="6">
        <v>9</v>
      </c>
    </row>
    <row r="14" spans="1:14">
      <c r="A14" s="57"/>
      <c r="B14" s="5">
        <v>0.77800000000000002</v>
      </c>
      <c r="C14" s="5">
        <v>0.222</v>
      </c>
      <c r="D14" s="5">
        <v>0</v>
      </c>
      <c r="E14" s="5">
        <v>1</v>
      </c>
      <c r="K14" s="9"/>
      <c r="L14" s="9"/>
      <c r="M14" s="9"/>
      <c r="N14" s="9"/>
    </row>
    <row r="15" spans="1:14">
      <c r="A15" s="56" t="s">
        <v>177</v>
      </c>
      <c r="B15" s="4">
        <v>3133</v>
      </c>
      <c r="C15" s="4">
        <v>530</v>
      </c>
      <c r="D15" s="4">
        <v>22</v>
      </c>
      <c r="E15" s="4">
        <v>3685</v>
      </c>
    </row>
    <row r="16" spans="1:14">
      <c r="A16" s="61"/>
      <c r="B16" s="5">
        <v>0.85</v>
      </c>
      <c r="C16" s="5">
        <v>0.14399999999999999</v>
      </c>
      <c r="D16" s="5">
        <v>6.0000000000000001E-3</v>
      </c>
      <c r="E16" s="5">
        <v>1</v>
      </c>
      <c r="K16" s="9"/>
      <c r="L16" s="9"/>
      <c r="M16" s="9"/>
      <c r="N16" s="9"/>
    </row>
    <row r="17" spans="1:14">
      <c r="A17" s="54" t="s">
        <v>37</v>
      </c>
      <c r="B17" s="54"/>
      <c r="C17" s="54"/>
      <c r="D17" s="54"/>
      <c r="E17" s="54"/>
    </row>
    <row r="18" spans="1:14">
      <c r="A18" s="55"/>
      <c r="B18" s="55"/>
      <c r="C18" s="55"/>
      <c r="D18" s="55"/>
      <c r="E18" s="55"/>
      <c r="K18" s="9"/>
      <c r="L18" s="9"/>
      <c r="M18" s="9"/>
      <c r="N18" s="9"/>
    </row>
    <row r="20" spans="1:14">
      <c r="K20" s="9"/>
      <c r="L20" s="9"/>
      <c r="M20" s="9"/>
      <c r="N20" s="9"/>
    </row>
    <row r="22" spans="1:14">
      <c r="K22" s="9"/>
      <c r="L22" s="9"/>
      <c r="M22" s="9"/>
      <c r="N22" s="9"/>
    </row>
    <row r="24" spans="1:14">
      <c r="K24" s="9"/>
      <c r="L24" s="9"/>
      <c r="M24" s="9"/>
      <c r="N24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1"/>
  <dimension ref="A1:S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9">
      <c r="A1" s="1" t="s">
        <v>539</v>
      </c>
    </row>
    <row r="2" spans="1:19" ht="14.25" customHeight="1">
      <c r="A2" s="41" t="s">
        <v>812</v>
      </c>
      <c r="C2" s="7"/>
      <c r="D2" s="7"/>
      <c r="E2" s="7"/>
      <c r="F2" s="7"/>
      <c r="G2" s="7"/>
      <c r="H2" s="7"/>
    </row>
    <row r="3" spans="1:19" ht="14.25" customHeight="1">
      <c r="A3" s="60" t="s">
        <v>172</v>
      </c>
      <c r="B3" s="53" t="s">
        <v>45</v>
      </c>
      <c r="C3" s="53"/>
      <c r="D3" s="53"/>
      <c r="E3" s="53"/>
      <c r="F3" s="53"/>
      <c r="G3" s="53"/>
      <c r="H3" s="53"/>
      <c r="I3" s="2"/>
    </row>
    <row r="4" spans="1:19" ht="42.75">
      <c r="A4" s="60"/>
      <c r="B4" s="8" t="s">
        <v>46</v>
      </c>
      <c r="C4" s="8" t="s">
        <v>102</v>
      </c>
      <c r="D4" s="8" t="s">
        <v>47</v>
      </c>
      <c r="E4" s="8" t="s">
        <v>48</v>
      </c>
      <c r="F4" s="8" t="s">
        <v>49</v>
      </c>
      <c r="G4" s="8" t="s">
        <v>42</v>
      </c>
      <c r="H4" s="8" t="s">
        <v>29</v>
      </c>
    </row>
    <row r="5" spans="1:19">
      <c r="A5" s="56" t="s">
        <v>173</v>
      </c>
      <c r="B5" s="4">
        <v>273</v>
      </c>
      <c r="C5" s="4">
        <v>1232</v>
      </c>
      <c r="D5" s="4">
        <v>294</v>
      </c>
      <c r="E5" s="4">
        <v>3</v>
      </c>
      <c r="F5" s="4">
        <v>12</v>
      </c>
      <c r="G5" s="4">
        <v>5</v>
      </c>
      <c r="H5" s="4">
        <v>1819</v>
      </c>
    </row>
    <row r="6" spans="1:19">
      <c r="A6" s="61"/>
      <c r="B6" s="5">
        <v>0.15</v>
      </c>
      <c r="C6" s="5">
        <v>0.67700000000000005</v>
      </c>
      <c r="D6" s="5">
        <v>0.16200000000000001</v>
      </c>
      <c r="E6" s="5">
        <v>2E-3</v>
      </c>
      <c r="F6" s="5">
        <v>7.0000000000000001E-3</v>
      </c>
      <c r="G6" s="5">
        <v>3.0000000000000001E-3</v>
      </c>
      <c r="H6" s="5">
        <v>1</v>
      </c>
    </row>
    <row r="7" spans="1:19">
      <c r="A7" s="56" t="s">
        <v>174</v>
      </c>
      <c r="B7" s="6">
        <v>185</v>
      </c>
      <c r="C7" s="6">
        <v>968</v>
      </c>
      <c r="D7" s="6">
        <v>170</v>
      </c>
      <c r="E7" s="6">
        <v>6</v>
      </c>
      <c r="F7" s="6">
        <v>10</v>
      </c>
      <c r="G7" s="6">
        <v>5</v>
      </c>
      <c r="H7" s="4">
        <v>1344</v>
      </c>
    </row>
    <row r="8" spans="1:19">
      <c r="A8" s="57"/>
      <c r="B8" s="5">
        <v>0.13800000000000001</v>
      </c>
      <c r="C8" s="5">
        <v>0.72</v>
      </c>
      <c r="D8" s="5">
        <v>0.126</v>
      </c>
      <c r="E8" s="5">
        <v>4.0000000000000001E-3</v>
      </c>
      <c r="F8" s="5">
        <v>7.0000000000000001E-3</v>
      </c>
      <c r="G8" s="5">
        <v>4.0000000000000001E-3</v>
      </c>
      <c r="H8" s="5">
        <v>1</v>
      </c>
      <c r="M8" s="9"/>
      <c r="N8" s="9"/>
      <c r="O8" s="9"/>
      <c r="P8" s="9"/>
      <c r="Q8" s="9"/>
      <c r="R8" s="9"/>
      <c r="S8" s="9"/>
    </row>
    <row r="9" spans="1:19">
      <c r="A9" s="56" t="s">
        <v>175</v>
      </c>
      <c r="B9" s="6">
        <v>54</v>
      </c>
      <c r="C9" s="6">
        <v>329</v>
      </c>
      <c r="D9" s="6">
        <v>30</v>
      </c>
      <c r="E9" s="6">
        <v>1</v>
      </c>
      <c r="F9" s="6">
        <v>4</v>
      </c>
      <c r="G9" s="6">
        <v>2</v>
      </c>
      <c r="H9" s="6">
        <v>420</v>
      </c>
    </row>
    <row r="10" spans="1:19">
      <c r="A10" s="57"/>
      <c r="B10" s="5">
        <v>0.129</v>
      </c>
      <c r="C10" s="5">
        <v>0.78300000000000003</v>
      </c>
      <c r="D10" s="5">
        <v>7.0999999999999994E-2</v>
      </c>
      <c r="E10" s="5">
        <v>2E-3</v>
      </c>
      <c r="F10" s="5">
        <v>0.01</v>
      </c>
      <c r="G10" s="5">
        <v>5.0000000000000001E-3</v>
      </c>
      <c r="H10" s="5">
        <v>1</v>
      </c>
      <c r="M10" s="9"/>
      <c r="N10" s="9"/>
      <c r="O10" s="9"/>
      <c r="P10" s="9"/>
      <c r="Q10" s="9"/>
      <c r="R10" s="9"/>
      <c r="S10" s="9"/>
    </row>
    <row r="11" spans="1:19" ht="14.25" customHeight="1">
      <c r="A11" s="73" t="s">
        <v>176</v>
      </c>
      <c r="B11" s="6">
        <v>12</v>
      </c>
      <c r="C11" s="6">
        <v>69</v>
      </c>
      <c r="D11" s="6">
        <v>11</v>
      </c>
      <c r="E11" s="6">
        <v>1</v>
      </c>
      <c r="F11" s="6">
        <v>0</v>
      </c>
      <c r="G11" s="6">
        <v>0</v>
      </c>
      <c r="H11" s="6">
        <v>93</v>
      </c>
    </row>
    <row r="12" spans="1:19">
      <c r="A12" s="74"/>
      <c r="B12" s="5">
        <v>0.129</v>
      </c>
      <c r="C12" s="5">
        <v>0.74199999999999999</v>
      </c>
      <c r="D12" s="5">
        <v>0.11799999999999999</v>
      </c>
      <c r="E12" s="5">
        <v>1.0999999999999999E-2</v>
      </c>
      <c r="F12" s="5">
        <v>0</v>
      </c>
      <c r="G12" s="5">
        <v>0</v>
      </c>
      <c r="H12" s="5">
        <v>1</v>
      </c>
      <c r="M12" s="9"/>
      <c r="N12" s="9"/>
      <c r="O12" s="9"/>
      <c r="P12" s="9"/>
      <c r="Q12" s="9"/>
      <c r="R12" s="9"/>
      <c r="S12" s="9"/>
    </row>
    <row r="13" spans="1:19">
      <c r="A13" s="56" t="s">
        <v>171</v>
      </c>
      <c r="B13" s="6">
        <v>4</v>
      </c>
      <c r="C13" s="6">
        <v>4</v>
      </c>
      <c r="D13" s="6">
        <v>1</v>
      </c>
      <c r="E13" s="6">
        <v>0</v>
      </c>
      <c r="F13" s="6">
        <v>0</v>
      </c>
      <c r="G13" s="6">
        <v>0</v>
      </c>
      <c r="H13" s="6">
        <v>9</v>
      </c>
    </row>
    <row r="14" spans="1:19">
      <c r="A14" s="57"/>
      <c r="B14" s="5">
        <v>0.44400000000000001</v>
      </c>
      <c r="C14" s="5">
        <v>0.44400000000000001</v>
      </c>
      <c r="D14" s="5">
        <v>0.111</v>
      </c>
      <c r="E14" s="5">
        <v>0</v>
      </c>
      <c r="F14" s="5">
        <v>0</v>
      </c>
      <c r="G14" s="5">
        <v>0</v>
      </c>
      <c r="H14" s="5">
        <v>1</v>
      </c>
      <c r="M14" s="9"/>
      <c r="N14" s="9"/>
      <c r="O14" s="9"/>
      <c r="P14" s="9"/>
      <c r="Q14" s="9"/>
      <c r="R14" s="9"/>
      <c r="S14" s="9"/>
    </row>
    <row r="15" spans="1:19">
      <c r="A15" s="56" t="s">
        <v>29</v>
      </c>
      <c r="B15" s="4">
        <v>528</v>
      </c>
      <c r="C15" s="4">
        <v>2602</v>
      </c>
      <c r="D15" s="4">
        <v>506</v>
      </c>
      <c r="E15" s="4">
        <v>11</v>
      </c>
      <c r="F15" s="4">
        <v>26</v>
      </c>
      <c r="G15" s="4">
        <v>12</v>
      </c>
      <c r="H15" s="4">
        <v>3685</v>
      </c>
    </row>
    <row r="16" spans="1:19">
      <c r="A16" s="57"/>
      <c r="B16" s="5">
        <v>0.14299999999999999</v>
      </c>
      <c r="C16" s="5">
        <v>0.70599999999999996</v>
      </c>
      <c r="D16" s="5">
        <v>0.13700000000000001</v>
      </c>
      <c r="E16" s="5">
        <v>3.0000000000000001E-3</v>
      </c>
      <c r="F16" s="5">
        <v>7.0000000000000001E-3</v>
      </c>
      <c r="G16" s="5">
        <v>3.0000000000000001E-3</v>
      </c>
      <c r="H16" s="5">
        <v>1</v>
      </c>
      <c r="M16" s="9"/>
      <c r="N16" s="9"/>
      <c r="O16" s="9"/>
      <c r="P16" s="9"/>
      <c r="Q16" s="9"/>
      <c r="R16" s="9"/>
      <c r="S16" s="9"/>
    </row>
    <row r="17" spans="1:19" ht="14.25" customHeight="1">
      <c r="A17" s="29" t="s">
        <v>44</v>
      </c>
      <c r="B17" s="31"/>
      <c r="C17" s="31"/>
      <c r="D17" s="31"/>
      <c r="E17" s="31"/>
      <c r="F17" s="31"/>
      <c r="G17" s="31"/>
      <c r="H17" s="31"/>
    </row>
    <row r="18" spans="1:19">
      <c r="A18" s="32"/>
      <c r="B18" s="32"/>
      <c r="C18" s="32"/>
      <c r="D18" s="32"/>
      <c r="E18" s="32"/>
      <c r="F18" s="32"/>
      <c r="G18" s="32"/>
      <c r="H18" s="32"/>
      <c r="M18" s="9"/>
      <c r="N18" s="9"/>
      <c r="O18" s="9"/>
      <c r="P18" s="9"/>
      <c r="Q18" s="9"/>
      <c r="R18" s="9"/>
      <c r="S18" s="9"/>
    </row>
  </sheetData>
  <mergeCells count="8">
    <mergeCell ref="A13:A14"/>
    <mergeCell ref="A15:A16"/>
    <mergeCell ref="A3:A4"/>
    <mergeCell ref="B3:H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2"/>
  <dimension ref="A1:Q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7">
      <c r="A1" s="1" t="s">
        <v>540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172</v>
      </c>
      <c r="B3" s="53" t="s">
        <v>107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135</v>
      </c>
      <c r="C4" s="8" t="s">
        <v>136</v>
      </c>
      <c r="D4" s="8" t="s">
        <v>137</v>
      </c>
      <c r="E4" s="8" t="s">
        <v>138</v>
      </c>
      <c r="F4" s="8" t="s">
        <v>42</v>
      </c>
      <c r="G4" s="8" t="s">
        <v>29</v>
      </c>
    </row>
    <row r="5" spans="1:17">
      <c r="A5" s="56" t="s">
        <v>173</v>
      </c>
      <c r="B5" s="4">
        <v>671</v>
      </c>
      <c r="C5" s="4">
        <v>532</v>
      </c>
      <c r="D5" s="4">
        <v>189</v>
      </c>
      <c r="E5" s="4">
        <v>423</v>
      </c>
      <c r="F5" s="4">
        <v>4</v>
      </c>
      <c r="G5" s="4">
        <v>1819</v>
      </c>
    </row>
    <row r="6" spans="1:17">
      <c r="A6" s="61"/>
      <c r="B6" s="5">
        <v>0.36899999999999999</v>
      </c>
      <c r="C6" s="5">
        <v>0.29199999999999998</v>
      </c>
      <c r="D6" s="5">
        <v>0.104</v>
      </c>
      <c r="E6" s="5">
        <v>0.23300000000000001</v>
      </c>
      <c r="F6" s="5">
        <v>2E-3</v>
      </c>
      <c r="G6" s="5">
        <v>1</v>
      </c>
    </row>
    <row r="7" spans="1:17">
      <c r="A7" s="56" t="s">
        <v>174</v>
      </c>
      <c r="B7" s="6">
        <v>403</v>
      </c>
      <c r="C7" s="6">
        <v>445</v>
      </c>
      <c r="D7" s="6">
        <v>171</v>
      </c>
      <c r="E7" s="6">
        <v>322</v>
      </c>
      <c r="F7" s="6">
        <v>3</v>
      </c>
      <c r="G7" s="4">
        <v>1344</v>
      </c>
      <c r="L7" s="9"/>
      <c r="M7" s="9"/>
      <c r="N7" s="9"/>
      <c r="O7" s="9"/>
      <c r="P7" s="9"/>
      <c r="Q7" s="9"/>
    </row>
    <row r="8" spans="1:17">
      <c r="A8" s="57"/>
      <c r="B8" s="5">
        <v>0.3</v>
      </c>
      <c r="C8" s="5">
        <v>0.33100000000000002</v>
      </c>
      <c r="D8" s="5">
        <v>0.127</v>
      </c>
      <c r="E8" s="5">
        <v>0.24</v>
      </c>
      <c r="F8" s="5">
        <v>2E-3</v>
      </c>
      <c r="G8" s="5">
        <v>1</v>
      </c>
    </row>
    <row r="9" spans="1:17">
      <c r="A9" s="56" t="s">
        <v>175</v>
      </c>
      <c r="B9" s="6">
        <v>106</v>
      </c>
      <c r="C9" s="6">
        <v>150</v>
      </c>
      <c r="D9" s="6">
        <v>58</v>
      </c>
      <c r="E9" s="6">
        <v>105</v>
      </c>
      <c r="F9" s="6">
        <v>1</v>
      </c>
      <c r="G9" s="6">
        <v>420</v>
      </c>
      <c r="L9" s="9"/>
      <c r="M9" s="9"/>
      <c r="N9" s="9"/>
      <c r="O9" s="9"/>
      <c r="P9" s="9"/>
      <c r="Q9" s="9"/>
    </row>
    <row r="10" spans="1:17">
      <c r="A10" s="57"/>
      <c r="B10" s="5">
        <v>0.252</v>
      </c>
      <c r="C10" s="5">
        <v>0.35699999999999998</v>
      </c>
      <c r="D10" s="5">
        <v>0.13800000000000001</v>
      </c>
      <c r="E10" s="5">
        <v>0.25</v>
      </c>
      <c r="F10" s="5">
        <v>2E-3</v>
      </c>
      <c r="G10" s="5">
        <v>1</v>
      </c>
    </row>
    <row r="11" spans="1:17" ht="14.25" customHeight="1">
      <c r="A11" s="73" t="s">
        <v>176</v>
      </c>
      <c r="B11" s="6">
        <v>26</v>
      </c>
      <c r="C11" s="6">
        <v>30</v>
      </c>
      <c r="D11" s="6">
        <v>15</v>
      </c>
      <c r="E11" s="6">
        <v>22</v>
      </c>
      <c r="F11" s="6">
        <v>0</v>
      </c>
      <c r="G11" s="6">
        <v>93</v>
      </c>
      <c r="L11" s="9"/>
      <c r="M11" s="9"/>
      <c r="N11" s="9"/>
      <c r="O11" s="9"/>
      <c r="P11" s="9"/>
      <c r="Q11" s="9"/>
    </row>
    <row r="12" spans="1:17">
      <c r="A12" s="74"/>
      <c r="B12" s="5">
        <v>0.28000000000000003</v>
      </c>
      <c r="C12" s="5">
        <v>0.32300000000000001</v>
      </c>
      <c r="D12" s="5">
        <v>0.161</v>
      </c>
      <c r="E12" s="5">
        <v>0.23699999999999999</v>
      </c>
      <c r="F12" s="5">
        <v>0</v>
      </c>
      <c r="G12" s="5">
        <v>1</v>
      </c>
    </row>
    <row r="13" spans="1:17">
      <c r="A13" s="56" t="s">
        <v>171</v>
      </c>
      <c r="B13" s="6">
        <v>4</v>
      </c>
      <c r="C13" s="6">
        <v>3</v>
      </c>
      <c r="D13" s="6">
        <v>0</v>
      </c>
      <c r="E13" s="6">
        <v>2</v>
      </c>
      <c r="F13" s="6">
        <v>0</v>
      </c>
      <c r="G13" s="6">
        <v>9</v>
      </c>
      <c r="L13" s="9"/>
      <c r="M13" s="9"/>
      <c r="N13" s="9"/>
      <c r="O13" s="9"/>
      <c r="P13" s="9"/>
      <c r="Q13" s="9"/>
    </row>
    <row r="14" spans="1:17">
      <c r="A14" s="57"/>
      <c r="B14" s="5">
        <v>0.44400000000000001</v>
      </c>
      <c r="C14" s="5">
        <v>0.33300000000000002</v>
      </c>
      <c r="D14" s="5">
        <v>0</v>
      </c>
      <c r="E14" s="5">
        <v>0.222</v>
      </c>
      <c r="F14" s="5">
        <v>0</v>
      </c>
      <c r="G14" s="5">
        <v>1</v>
      </c>
    </row>
    <row r="15" spans="1:17">
      <c r="A15" s="56" t="s">
        <v>29</v>
      </c>
      <c r="B15" s="4">
        <v>1210</v>
      </c>
      <c r="C15" s="4">
        <v>1160</v>
      </c>
      <c r="D15" s="4">
        <v>433</v>
      </c>
      <c r="E15" s="4">
        <v>874</v>
      </c>
      <c r="F15" s="4">
        <v>8</v>
      </c>
      <c r="G15" s="4">
        <v>3685</v>
      </c>
      <c r="L15" s="9"/>
      <c r="M15" s="9"/>
      <c r="N15" s="9"/>
      <c r="O15" s="9"/>
      <c r="P15" s="9"/>
      <c r="Q15" s="9"/>
    </row>
    <row r="16" spans="1:17">
      <c r="A16" s="57"/>
      <c r="B16" s="5">
        <v>0.32800000000000001</v>
      </c>
      <c r="C16" s="5">
        <v>0.315</v>
      </c>
      <c r="D16" s="5">
        <v>0.11799999999999999</v>
      </c>
      <c r="E16" s="5">
        <v>0.23699999999999999</v>
      </c>
      <c r="F16" s="5">
        <v>2E-3</v>
      </c>
      <c r="G16" s="5">
        <v>1</v>
      </c>
    </row>
    <row r="17" spans="1:17">
      <c r="A17" s="54" t="s">
        <v>95</v>
      </c>
      <c r="B17" s="54"/>
      <c r="C17" s="54"/>
      <c r="D17" s="54"/>
      <c r="E17" s="54"/>
      <c r="F17" s="54"/>
      <c r="G17" s="54"/>
      <c r="L17" s="9"/>
      <c r="M17" s="9"/>
      <c r="N17" s="9"/>
      <c r="O17" s="9"/>
      <c r="P17" s="9"/>
      <c r="Q17" s="9"/>
    </row>
    <row r="18" spans="1:17">
      <c r="A18" s="55"/>
      <c r="B18" s="55"/>
      <c r="C18" s="55"/>
      <c r="D18" s="55"/>
      <c r="E18" s="55"/>
      <c r="F18" s="55"/>
      <c r="G18" s="55"/>
    </row>
    <row r="19" spans="1:17">
      <c r="L19" s="9"/>
      <c r="M19" s="9"/>
      <c r="N19" s="9"/>
      <c r="O19" s="9"/>
      <c r="P19" s="9"/>
      <c r="Q19" s="9"/>
    </row>
    <row r="21" spans="1:17">
      <c r="L21" s="9"/>
      <c r="M21" s="9"/>
      <c r="N21" s="9"/>
      <c r="O21" s="9"/>
      <c r="P21" s="9"/>
      <c r="Q21" s="9"/>
    </row>
    <row r="23" spans="1:17">
      <c r="L23" s="9"/>
      <c r="M23" s="9"/>
      <c r="N23" s="9"/>
      <c r="O23" s="9"/>
      <c r="P23" s="9"/>
      <c r="Q23" s="9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3"/>
  <dimension ref="A1:O24"/>
  <sheetViews>
    <sheetView zoomScaleNormal="100"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41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2</v>
      </c>
      <c r="B3" s="53" t="s">
        <v>97</v>
      </c>
      <c r="C3" s="53"/>
      <c r="D3" s="53"/>
      <c r="E3" s="53"/>
      <c r="F3" s="53"/>
      <c r="G3" s="2"/>
    </row>
    <row r="4" spans="1:15" ht="28.5">
      <c r="A4" s="60"/>
      <c r="B4" s="8" t="s">
        <v>139</v>
      </c>
      <c r="C4" s="8" t="s">
        <v>140</v>
      </c>
      <c r="D4" s="8" t="s">
        <v>141</v>
      </c>
      <c r="E4" s="8" t="s">
        <v>42</v>
      </c>
      <c r="F4" s="8" t="s">
        <v>29</v>
      </c>
    </row>
    <row r="5" spans="1:15">
      <c r="A5" s="56" t="s">
        <v>173</v>
      </c>
      <c r="B5" s="4">
        <v>687</v>
      </c>
      <c r="C5" s="4">
        <v>952</v>
      </c>
      <c r="D5" s="4">
        <v>179</v>
      </c>
      <c r="E5" s="4">
        <v>1</v>
      </c>
      <c r="F5" s="4">
        <v>1819</v>
      </c>
    </row>
    <row r="6" spans="1:15">
      <c r="A6" s="61"/>
      <c r="B6" s="5">
        <v>0.378</v>
      </c>
      <c r="C6" s="5">
        <v>0.52300000000000002</v>
      </c>
      <c r="D6" s="5">
        <v>9.8000000000000004E-2</v>
      </c>
      <c r="E6" s="5">
        <v>1E-3</v>
      </c>
      <c r="F6" s="5">
        <v>1</v>
      </c>
    </row>
    <row r="7" spans="1:15">
      <c r="A7" s="56" t="s">
        <v>174</v>
      </c>
      <c r="B7" s="6">
        <v>710</v>
      </c>
      <c r="C7" s="6">
        <v>587</v>
      </c>
      <c r="D7" s="6">
        <v>43</v>
      </c>
      <c r="E7" s="6">
        <v>4</v>
      </c>
      <c r="F7" s="4">
        <v>1344</v>
      </c>
    </row>
    <row r="8" spans="1:15">
      <c r="A8" s="57"/>
      <c r="B8" s="5">
        <v>0.52800000000000002</v>
      </c>
      <c r="C8" s="5">
        <v>0.437</v>
      </c>
      <c r="D8" s="5">
        <v>3.2000000000000001E-2</v>
      </c>
      <c r="E8" s="5">
        <v>3.0000000000000001E-3</v>
      </c>
      <c r="F8" s="5">
        <v>1</v>
      </c>
      <c r="K8" s="9"/>
      <c r="L8" s="9"/>
      <c r="M8" s="9"/>
      <c r="N8" s="9"/>
      <c r="O8" s="9"/>
    </row>
    <row r="9" spans="1:15">
      <c r="A9" s="56" t="s">
        <v>175</v>
      </c>
      <c r="B9" s="6">
        <v>218</v>
      </c>
      <c r="C9" s="6">
        <v>188</v>
      </c>
      <c r="D9" s="6">
        <v>14</v>
      </c>
      <c r="E9" s="6">
        <v>0</v>
      </c>
      <c r="F9" s="6">
        <v>420</v>
      </c>
    </row>
    <row r="10" spans="1:15">
      <c r="A10" s="57"/>
      <c r="B10" s="5">
        <v>0.51900000000000002</v>
      </c>
      <c r="C10" s="5">
        <v>0.44800000000000001</v>
      </c>
      <c r="D10" s="5">
        <v>3.3000000000000002E-2</v>
      </c>
      <c r="E10" s="5">
        <v>0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73" t="s">
        <v>176</v>
      </c>
      <c r="B11" s="6">
        <v>53</v>
      </c>
      <c r="C11" s="6">
        <v>38</v>
      </c>
      <c r="D11" s="6">
        <v>2</v>
      </c>
      <c r="E11" s="6">
        <v>0</v>
      </c>
      <c r="F11" s="6">
        <v>93</v>
      </c>
    </row>
    <row r="12" spans="1:15">
      <c r="A12" s="74"/>
      <c r="B12" s="5">
        <v>0.56999999999999995</v>
      </c>
      <c r="C12" s="5">
        <v>0.40899999999999997</v>
      </c>
      <c r="D12" s="5">
        <v>2.1999999999999999E-2</v>
      </c>
      <c r="E12" s="5">
        <v>0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5</v>
      </c>
      <c r="C13" s="6">
        <v>3</v>
      </c>
      <c r="D13" s="6">
        <v>1</v>
      </c>
      <c r="E13" s="6">
        <v>0</v>
      </c>
      <c r="F13" s="6">
        <v>9</v>
      </c>
    </row>
    <row r="14" spans="1:15">
      <c r="A14" s="57"/>
      <c r="B14" s="5">
        <v>0.55600000000000005</v>
      </c>
      <c r="C14" s="5">
        <v>0.33300000000000002</v>
      </c>
      <c r="D14" s="5">
        <v>0.111</v>
      </c>
      <c r="E14" s="5">
        <v>0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1673</v>
      </c>
      <c r="C15" s="4">
        <v>1768</v>
      </c>
      <c r="D15" s="4">
        <v>239</v>
      </c>
      <c r="E15" s="4">
        <v>5</v>
      </c>
      <c r="F15" s="4">
        <v>3685</v>
      </c>
    </row>
    <row r="16" spans="1:15">
      <c r="A16" s="57"/>
      <c r="B16" s="5">
        <v>0.45400000000000001</v>
      </c>
      <c r="C16" s="5">
        <v>0.48</v>
      </c>
      <c r="D16" s="5">
        <v>6.5000000000000002E-2</v>
      </c>
      <c r="E16" s="5">
        <v>1E-3</v>
      </c>
      <c r="F16" s="5">
        <v>1</v>
      </c>
      <c r="K16" s="9"/>
      <c r="L16" s="9"/>
      <c r="M16" s="9"/>
      <c r="N16" s="9"/>
      <c r="O16" s="9"/>
    </row>
    <row r="17" spans="1:15">
      <c r="A17" s="54" t="s">
        <v>98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4"/>
  <dimension ref="A1:M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42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72</v>
      </c>
      <c r="B3" s="53" t="s">
        <v>104</v>
      </c>
      <c r="C3" s="53"/>
      <c r="D3" s="53"/>
      <c r="E3" s="53"/>
      <c r="F3" s="2"/>
    </row>
    <row r="4" spans="1:13">
      <c r="A4" s="60"/>
      <c r="B4" s="8" t="s">
        <v>142</v>
      </c>
      <c r="C4" s="8" t="s">
        <v>150</v>
      </c>
      <c r="D4" s="8" t="s">
        <v>42</v>
      </c>
      <c r="E4" s="8" t="s">
        <v>29</v>
      </c>
    </row>
    <row r="5" spans="1:13">
      <c r="A5" s="56" t="s">
        <v>173</v>
      </c>
      <c r="B5" s="4">
        <v>617</v>
      </c>
      <c r="C5" s="4">
        <v>40</v>
      </c>
      <c r="D5" s="4">
        <v>30</v>
      </c>
      <c r="E5" s="4">
        <v>687</v>
      </c>
    </row>
    <row r="6" spans="1:13">
      <c r="A6" s="61"/>
      <c r="B6" s="5">
        <v>0.89800000000000002</v>
      </c>
      <c r="C6" s="5">
        <v>5.8000000000000003E-2</v>
      </c>
      <c r="D6" s="5">
        <v>4.3999999999999997E-2</v>
      </c>
      <c r="E6" s="5">
        <v>1</v>
      </c>
    </row>
    <row r="7" spans="1:13">
      <c r="A7" s="56" t="s">
        <v>174</v>
      </c>
      <c r="B7" s="6">
        <v>648</v>
      </c>
      <c r="C7" s="6">
        <v>27</v>
      </c>
      <c r="D7" s="6">
        <v>35</v>
      </c>
      <c r="E7" s="4">
        <v>710</v>
      </c>
      <c r="J7" s="9"/>
      <c r="K7" s="9"/>
      <c r="L7" s="9"/>
      <c r="M7" s="9"/>
    </row>
    <row r="8" spans="1:13">
      <c r="A8" s="57"/>
      <c r="B8" s="5">
        <v>0.91300000000000003</v>
      </c>
      <c r="C8" s="5">
        <v>3.7999999999999999E-2</v>
      </c>
      <c r="D8" s="5">
        <v>4.9000000000000002E-2</v>
      </c>
      <c r="E8" s="5">
        <v>1</v>
      </c>
    </row>
    <row r="9" spans="1:13">
      <c r="A9" s="56" t="s">
        <v>175</v>
      </c>
      <c r="B9" s="6">
        <v>196</v>
      </c>
      <c r="C9" s="6">
        <v>14</v>
      </c>
      <c r="D9" s="6">
        <v>8</v>
      </c>
      <c r="E9" s="6">
        <v>218</v>
      </c>
      <c r="J9" s="9"/>
      <c r="K9" s="9"/>
      <c r="L9" s="9"/>
      <c r="M9" s="9"/>
    </row>
    <row r="10" spans="1:13">
      <c r="A10" s="57"/>
      <c r="B10" s="5">
        <v>0.89900000000000002</v>
      </c>
      <c r="C10" s="5">
        <v>6.4000000000000001E-2</v>
      </c>
      <c r="D10" s="5">
        <v>3.6999999999999998E-2</v>
      </c>
      <c r="E10" s="5">
        <v>1</v>
      </c>
    </row>
    <row r="11" spans="1:13" ht="14.25" customHeight="1">
      <c r="A11" s="73" t="s">
        <v>176</v>
      </c>
      <c r="B11" s="6">
        <v>48</v>
      </c>
      <c r="C11" s="6">
        <v>1</v>
      </c>
      <c r="D11" s="6">
        <v>4</v>
      </c>
      <c r="E11" s="6">
        <v>53</v>
      </c>
      <c r="J11" s="9"/>
      <c r="K11" s="9"/>
      <c r="L11" s="9"/>
      <c r="M11" s="9"/>
    </row>
    <row r="12" spans="1:13">
      <c r="A12" s="74"/>
      <c r="B12" s="5">
        <v>0.90600000000000003</v>
      </c>
      <c r="C12" s="5">
        <v>1.9E-2</v>
      </c>
      <c r="D12" s="5">
        <v>7.4999999999999997E-2</v>
      </c>
      <c r="E12" s="5">
        <v>1</v>
      </c>
    </row>
    <row r="13" spans="1:13">
      <c r="A13" s="56" t="s">
        <v>171</v>
      </c>
      <c r="B13" s="6">
        <v>5</v>
      </c>
      <c r="C13" s="6">
        <v>0</v>
      </c>
      <c r="D13" s="6">
        <v>0</v>
      </c>
      <c r="E13" s="6">
        <v>5</v>
      </c>
      <c r="J13" s="9"/>
      <c r="K13" s="9"/>
      <c r="L13" s="9"/>
      <c r="M13" s="9"/>
    </row>
    <row r="14" spans="1:13">
      <c r="A14" s="57"/>
      <c r="B14" s="5">
        <v>1</v>
      </c>
      <c r="C14" s="5">
        <v>0</v>
      </c>
      <c r="D14" s="5">
        <v>0</v>
      </c>
      <c r="E14" s="5">
        <v>1</v>
      </c>
    </row>
    <row r="15" spans="1:13">
      <c r="A15" s="56" t="s">
        <v>29</v>
      </c>
      <c r="B15" s="4">
        <v>1514</v>
      </c>
      <c r="C15" s="4">
        <v>82</v>
      </c>
      <c r="D15" s="4">
        <v>77</v>
      </c>
      <c r="E15" s="4">
        <v>1673</v>
      </c>
      <c r="J15" s="9"/>
      <c r="K15" s="9"/>
      <c r="L15" s="9"/>
      <c r="M15" s="9"/>
    </row>
    <row r="16" spans="1:13">
      <c r="A16" s="57"/>
      <c r="B16" s="5">
        <v>0.90500000000000003</v>
      </c>
      <c r="C16" s="5">
        <v>4.9000000000000002E-2</v>
      </c>
      <c r="D16" s="5">
        <v>4.5999999999999999E-2</v>
      </c>
      <c r="E16" s="5">
        <v>1</v>
      </c>
    </row>
    <row r="17" spans="1:13">
      <c r="A17" s="54" t="s">
        <v>518</v>
      </c>
      <c r="B17" s="54"/>
      <c r="C17" s="54"/>
      <c r="D17" s="54"/>
      <c r="E17" s="54"/>
      <c r="J17" s="9"/>
      <c r="K17" s="9"/>
      <c r="L17" s="9"/>
      <c r="M17" s="9"/>
    </row>
    <row r="18" spans="1:13">
      <c r="A18" s="55"/>
      <c r="B18" s="55"/>
      <c r="C18" s="55"/>
      <c r="D18" s="55"/>
      <c r="E18" s="55"/>
    </row>
    <row r="19" spans="1:13">
      <c r="J19" s="9"/>
      <c r="K19" s="9"/>
      <c r="L19" s="9"/>
      <c r="M19" s="9"/>
    </row>
    <row r="21" spans="1:13">
      <c r="J21" s="9"/>
      <c r="K21" s="9"/>
      <c r="L21" s="9"/>
      <c r="M21" s="9"/>
    </row>
    <row r="23" spans="1:13">
      <c r="J23" s="9"/>
      <c r="K23" s="9"/>
      <c r="L23" s="9"/>
      <c r="M23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5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43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2</v>
      </c>
      <c r="B3" s="53" t="s">
        <v>100</v>
      </c>
      <c r="C3" s="53"/>
      <c r="D3" s="53"/>
      <c r="E3" s="53"/>
      <c r="F3" s="53"/>
      <c r="G3" s="2"/>
    </row>
    <row r="4" spans="1:15" ht="28.5">
      <c r="A4" s="60"/>
      <c r="B4" s="8" t="s">
        <v>143</v>
      </c>
      <c r="C4" s="8" t="s">
        <v>144</v>
      </c>
      <c r="D4" s="8" t="s">
        <v>145</v>
      </c>
      <c r="E4" s="8" t="s">
        <v>42</v>
      </c>
      <c r="F4" s="8" t="s">
        <v>29</v>
      </c>
    </row>
    <row r="5" spans="1:15">
      <c r="A5" s="56" t="s">
        <v>173</v>
      </c>
      <c r="B5" s="4">
        <v>436</v>
      </c>
      <c r="C5" s="4">
        <v>1074</v>
      </c>
      <c r="D5" s="4">
        <v>308</v>
      </c>
      <c r="E5" s="4">
        <v>1</v>
      </c>
      <c r="F5" s="4">
        <v>1819</v>
      </c>
    </row>
    <row r="6" spans="1:15">
      <c r="A6" s="61"/>
      <c r="B6" s="5">
        <v>0.24</v>
      </c>
      <c r="C6" s="5">
        <v>0.59</v>
      </c>
      <c r="D6" s="5">
        <v>0.16900000000000001</v>
      </c>
      <c r="E6" s="5">
        <v>1E-3</v>
      </c>
      <c r="F6" s="5">
        <v>1</v>
      </c>
    </row>
    <row r="7" spans="1:15">
      <c r="A7" s="56" t="s">
        <v>174</v>
      </c>
      <c r="B7" s="6">
        <v>370</v>
      </c>
      <c r="C7" s="6">
        <v>751</v>
      </c>
      <c r="D7" s="6">
        <v>222</v>
      </c>
      <c r="E7" s="6">
        <v>1</v>
      </c>
      <c r="F7" s="4">
        <v>1344</v>
      </c>
    </row>
    <row r="8" spans="1:15">
      <c r="A8" s="57"/>
      <c r="B8" s="5">
        <v>0.27500000000000002</v>
      </c>
      <c r="C8" s="5">
        <v>0.55900000000000005</v>
      </c>
      <c r="D8" s="5">
        <v>0.16500000000000001</v>
      </c>
      <c r="E8" s="5">
        <v>1E-3</v>
      </c>
      <c r="F8" s="5">
        <v>1</v>
      </c>
      <c r="K8" s="9"/>
      <c r="L8" s="9"/>
      <c r="M8" s="9"/>
      <c r="N8" s="9"/>
      <c r="O8" s="9"/>
    </row>
    <row r="9" spans="1:15">
      <c r="A9" s="56" t="s">
        <v>175</v>
      </c>
      <c r="B9" s="6">
        <v>101</v>
      </c>
      <c r="C9" s="6">
        <v>239</v>
      </c>
      <c r="D9" s="6">
        <v>80</v>
      </c>
      <c r="E9" s="6">
        <v>0</v>
      </c>
      <c r="F9" s="6">
        <v>420</v>
      </c>
    </row>
    <row r="10" spans="1:15">
      <c r="A10" s="57"/>
      <c r="B10" s="5">
        <v>0.24</v>
      </c>
      <c r="C10" s="5">
        <v>0.56899999999999995</v>
      </c>
      <c r="D10" s="5">
        <v>0.19</v>
      </c>
      <c r="E10" s="5">
        <v>0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73" t="s">
        <v>176</v>
      </c>
      <c r="B11" s="6">
        <v>23</v>
      </c>
      <c r="C11" s="6">
        <v>48</v>
      </c>
      <c r="D11" s="6">
        <v>22</v>
      </c>
      <c r="E11" s="6">
        <v>0</v>
      </c>
      <c r="F11" s="6">
        <v>93</v>
      </c>
    </row>
    <row r="12" spans="1:15">
      <c r="A12" s="74"/>
      <c r="B12" s="5">
        <v>0.247</v>
      </c>
      <c r="C12" s="5">
        <v>0.51600000000000001</v>
      </c>
      <c r="D12" s="5">
        <v>0.23699999999999999</v>
      </c>
      <c r="E12" s="5">
        <v>0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5</v>
      </c>
      <c r="C13" s="6">
        <v>2</v>
      </c>
      <c r="D13" s="6">
        <v>2</v>
      </c>
      <c r="E13" s="6">
        <v>0</v>
      </c>
      <c r="F13" s="6">
        <v>9</v>
      </c>
    </row>
    <row r="14" spans="1:15">
      <c r="A14" s="57"/>
      <c r="B14" s="5">
        <v>0.55600000000000005</v>
      </c>
      <c r="C14" s="5">
        <v>0.222</v>
      </c>
      <c r="D14" s="5">
        <v>0.222</v>
      </c>
      <c r="E14" s="5">
        <v>0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935</v>
      </c>
      <c r="C15" s="4">
        <v>2114</v>
      </c>
      <c r="D15" s="4">
        <v>634</v>
      </c>
      <c r="E15" s="4">
        <v>2</v>
      </c>
      <c r="F15" s="4">
        <v>3685</v>
      </c>
    </row>
    <row r="16" spans="1:15">
      <c r="A16" s="57"/>
      <c r="B16" s="5">
        <v>0.254</v>
      </c>
      <c r="C16" s="5">
        <v>0.57399999999999995</v>
      </c>
      <c r="D16" s="5">
        <v>0.17199999999999999</v>
      </c>
      <c r="E16" s="5">
        <v>1E-3</v>
      </c>
      <c r="F16" s="5">
        <v>1</v>
      </c>
      <c r="K16" s="9"/>
      <c r="L16" s="9"/>
      <c r="M16" s="9"/>
      <c r="N16" s="9"/>
      <c r="O16" s="9"/>
    </row>
    <row r="17" spans="1:15">
      <c r="A17" s="54" t="s">
        <v>101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6"/>
  <dimension ref="A1:K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1">
      <c r="A1" s="1" t="s">
        <v>544</v>
      </c>
    </row>
    <row r="2" spans="1:11" ht="14.25" customHeight="1">
      <c r="A2" s="41" t="s">
        <v>812</v>
      </c>
      <c r="C2" s="7"/>
      <c r="D2" s="7"/>
    </row>
    <row r="3" spans="1:11" ht="14.25" customHeight="1">
      <c r="A3" s="60" t="s">
        <v>172</v>
      </c>
      <c r="B3" s="53" t="s">
        <v>103</v>
      </c>
      <c r="C3" s="53"/>
      <c r="D3" s="53"/>
      <c r="E3" s="2"/>
    </row>
    <row r="4" spans="1:11">
      <c r="A4" s="60"/>
      <c r="B4" s="8" t="s">
        <v>142</v>
      </c>
      <c r="C4" s="8" t="s">
        <v>150</v>
      </c>
      <c r="D4" s="8" t="s">
        <v>29</v>
      </c>
    </row>
    <row r="5" spans="1:11">
      <c r="A5" s="56" t="s">
        <v>173</v>
      </c>
      <c r="B5" s="4">
        <v>365</v>
      </c>
      <c r="C5" s="4">
        <v>47</v>
      </c>
      <c r="D5" s="4">
        <v>412</v>
      </c>
    </row>
    <row r="6" spans="1:11">
      <c r="A6" s="61"/>
      <c r="B6" s="5">
        <v>0.88600000000000001</v>
      </c>
      <c r="C6" s="5">
        <v>0.114</v>
      </c>
      <c r="D6" s="5">
        <v>1</v>
      </c>
    </row>
    <row r="7" spans="1:11">
      <c r="A7" s="56" t="s">
        <v>174</v>
      </c>
      <c r="B7" s="6">
        <v>306</v>
      </c>
      <c r="C7" s="6">
        <v>42</v>
      </c>
      <c r="D7" s="4">
        <v>348</v>
      </c>
      <c r="I7" s="9"/>
      <c r="J7" s="9"/>
      <c r="K7" s="9"/>
    </row>
    <row r="8" spans="1:11">
      <c r="A8" s="57"/>
      <c r="B8" s="5">
        <v>0.879</v>
      </c>
      <c r="C8" s="5">
        <v>0.121</v>
      </c>
      <c r="D8" s="5">
        <v>1</v>
      </c>
    </row>
    <row r="9" spans="1:11">
      <c r="A9" s="56" t="s">
        <v>175</v>
      </c>
      <c r="B9" s="6">
        <v>81</v>
      </c>
      <c r="C9" s="6">
        <v>12</v>
      </c>
      <c r="D9" s="6">
        <v>93</v>
      </c>
      <c r="I9" s="9"/>
      <c r="J9" s="9"/>
      <c r="K9" s="9"/>
    </row>
    <row r="10" spans="1:11">
      <c r="A10" s="57"/>
      <c r="B10" s="5">
        <v>0.871</v>
      </c>
      <c r="C10" s="5">
        <v>0.129</v>
      </c>
      <c r="D10" s="5">
        <v>1</v>
      </c>
    </row>
    <row r="11" spans="1:11" ht="14.25" customHeight="1">
      <c r="A11" s="73" t="s">
        <v>176</v>
      </c>
      <c r="B11" s="6">
        <v>18</v>
      </c>
      <c r="C11" s="6">
        <v>3</v>
      </c>
      <c r="D11" s="6">
        <v>21</v>
      </c>
      <c r="I11" s="9"/>
      <c r="J11" s="9"/>
      <c r="K11" s="9"/>
    </row>
    <row r="12" spans="1:11">
      <c r="A12" s="74"/>
      <c r="B12" s="5">
        <v>0.85699999999999998</v>
      </c>
      <c r="C12" s="5">
        <v>0.14299999999999999</v>
      </c>
      <c r="D12" s="5">
        <v>1</v>
      </c>
    </row>
    <row r="13" spans="1:11">
      <c r="A13" s="56" t="s">
        <v>171</v>
      </c>
      <c r="B13" s="6">
        <v>3</v>
      </c>
      <c r="C13" s="6">
        <v>1</v>
      </c>
      <c r="D13" s="6">
        <v>4</v>
      </c>
      <c r="I13" s="9"/>
      <c r="J13" s="9"/>
      <c r="K13" s="9"/>
    </row>
    <row r="14" spans="1:11">
      <c r="A14" s="57"/>
      <c r="B14" s="5">
        <v>0.75</v>
      </c>
      <c r="C14" s="5">
        <v>0.25</v>
      </c>
      <c r="D14" s="5">
        <v>1</v>
      </c>
    </row>
    <row r="15" spans="1:11">
      <c r="A15" s="56" t="s">
        <v>29</v>
      </c>
      <c r="B15" s="6">
        <v>773</v>
      </c>
      <c r="C15" s="6">
        <v>105</v>
      </c>
      <c r="D15" s="6">
        <v>878</v>
      </c>
      <c r="I15" s="9"/>
      <c r="J15" s="9"/>
      <c r="K15" s="9"/>
    </row>
    <row r="16" spans="1:11">
      <c r="A16" s="57"/>
      <c r="B16" s="5">
        <v>0.88</v>
      </c>
      <c r="C16" s="5">
        <v>0.12</v>
      </c>
      <c r="D16" s="5">
        <v>1</v>
      </c>
    </row>
    <row r="17" spans="1:11" ht="14.25" customHeight="1">
      <c r="A17" s="29" t="s">
        <v>521</v>
      </c>
      <c r="B17" s="31"/>
      <c r="C17" s="31"/>
      <c r="D17" s="31"/>
      <c r="I17" s="9"/>
      <c r="J17" s="9"/>
      <c r="K17" s="9"/>
    </row>
    <row r="18" spans="1:11">
      <c r="A18" s="32"/>
      <c r="B18" s="32"/>
      <c r="C18" s="32"/>
      <c r="D18" s="32"/>
    </row>
    <row r="19" spans="1:11">
      <c r="I19" s="9"/>
      <c r="J19" s="9"/>
      <c r="K19" s="9"/>
    </row>
    <row r="21" spans="1:11">
      <c r="I21" s="9"/>
      <c r="J21" s="9"/>
      <c r="K21" s="9"/>
    </row>
    <row r="23" spans="1:11">
      <c r="I23" s="9"/>
      <c r="J23" s="9"/>
      <c r="K23" s="9"/>
    </row>
  </sheetData>
  <mergeCells count="8">
    <mergeCell ref="A13:A14"/>
    <mergeCell ref="A15:A16"/>
    <mergeCell ref="A3:A4"/>
    <mergeCell ref="B3:D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7"/>
  <dimension ref="A1:O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45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2</v>
      </c>
      <c r="B3" s="53" t="s">
        <v>111</v>
      </c>
      <c r="C3" s="53"/>
      <c r="D3" s="53"/>
      <c r="E3" s="53"/>
      <c r="F3" s="53"/>
      <c r="G3" s="2"/>
    </row>
    <row r="4" spans="1:15" ht="42.75">
      <c r="A4" s="60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15">
      <c r="A5" s="56" t="s">
        <v>173</v>
      </c>
      <c r="B5" s="4">
        <v>1772</v>
      </c>
      <c r="C5" s="4">
        <v>42</v>
      </c>
      <c r="D5" s="4">
        <v>3</v>
      </c>
      <c r="E5" s="4">
        <v>2</v>
      </c>
      <c r="F5" s="4">
        <v>1819</v>
      </c>
    </row>
    <row r="6" spans="1:15">
      <c r="A6" s="61"/>
      <c r="B6" s="5">
        <v>0.97399999999999998</v>
      </c>
      <c r="C6" s="5">
        <v>2.3E-2</v>
      </c>
      <c r="D6" s="5">
        <v>2E-3</v>
      </c>
      <c r="E6" s="5">
        <v>1E-3</v>
      </c>
      <c r="F6" s="5">
        <v>1</v>
      </c>
    </row>
    <row r="7" spans="1:15">
      <c r="A7" s="56" t="s">
        <v>174</v>
      </c>
      <c r="B7" s="4">
        <v>1309</v>
      </c>
      <c r="C7" s="4">
        <v>33</v>
      </c>
      <c r="D7" s="4">
        <v>2</v>
      </c>
      <c r="E7" s="4">
        <v>0</v>
      </c>
      <c r="F7" s="4">
        <v>1344</v>
      </c>
      <c r="K7" s="9"/>
      <c r="L7" s="9"/>
      <c r="M7" s="9"/>
      <c r="N7" s="9"/>
      <c r="O7" s="9"/>
    </row>
    <row r="8" spans="1:15">
      <c r="A8" s="57"/>
      <c r="B8" s="5">
        <v>0.97399999999999998</v>
      </c>
      <c r="C8" s="5">
        <v>2.5000000000000001E-2</v>
      </c>
      <c r="D8" s="5">
        <v>1E-3</v>
      </c>
      <c r="E8" s="5">
        <v>0</v>
      </c>
      <c r="F8" s="5">
        <v>1</v>
      </c>
    </row>
    <row r="9" spans="1:15">
      <c r="A9" s="56" t="s">
        <v>175</v>
      </c>
      <c r="B9" s="6">
        <v>400</v>
      </c>
      <c r="C9" s="6">
        <v>19</v>
      </c>
      <c r="D9" s="6">
        <v>1</v>
      </c>
      <c r="E9" s="6">
        <v>0</v>
      </c>
      <c r="F9" s="6">
        <v>420</v>
      </c>
      <c r="K9" s="9"/>
      <c r="L9" s="9"/>
      <c r="M9" s="9"/>
      <c r="N9" s="9"/>
      <c r="O9" s="9"/>
    </row>
    <row r="10" spans="1:15">
      <c r="A10" s="57"/>
      <c r="B10" s="5">
        <v>0.95199999999999996</v>
      </c>
      <c r="C10" s="5">
        <v>4.4999999999999998E-2</v>
      </c>
      <c r="D10" s="5">
        <v>2E-3</v>
      </c>
      <c r="E10" s="5">
        <v>0</v>
      </c>
      <c r="F10" s="5">
        <v>1</v>
      </c>
    </row>
    <row r="11" spans="1:15" ht="14.25" customHeight="1">
      <c r="A11" s="73" t="s">
        <v>176</v>
      </c>
      <c r="B11" s="6">
        <v>84</v>
      </c>
      <c r="C11" s="6">
        <v>8</v>
      </c>
      <c r="D11" s="6">
        <v>1</v>
      </c>
      <c r="E11" s="6">
        <v>0</v>
      </c>
      <c r="F11" s="6">
        <v>93</v>
      </c>
      <c r="K11" s="9"/>
      <c r="L11" s="9"/>
      <c r="M11" s="9"/>
      <c r="N11" s="9"/>
      <c r="O11" s="9"/>
    </row>
    <row r="12" spans="1:15">
      <c r="A12" s="74"/>
      <c r="B12" s="5">
        <v>0.90300000000000002</v>
      </c>
      <c r="C12" s="5">
        <v>8.5999999999999993E-2</v>
      </c>
      <c r="D12" s="5">
        <v>1.0999999999999999E-2</v>
      </c>
      <c r="E12" s="5">
        <v>0</v>
      </c>
      <c r="F12" s="5">
        <v>1</v>
      </c>
    </row>
    <row r="13" spans="1:15">
      <c r="A13" s="56" t="s">
        <v>171</v>
      </c>
      <c r="B13" s="6">
        <v>7</v>
      </c>
      <c r="C13" s="6">
        <v>2</v>
      </c>
      <c r="D13" s="6">
        <v>0</v>
      </c>
      <c r="E13" s="6">
        <v>0</v>
      </c>
      <c r="F13" s="6">
        <v>9</v>
      </c>
      <c r="K13" s="9"/>
      <c r="L13" s="9"/>
      <c r="M13" s="9"/>
      <c r="N13" s="9"/>
      <c r="O13" s="9"/>
    </row>
    <row r="14" spans="1:15">
      <c r="A14" s="57"/>
      <c r="B14" s="5">
        <v>0.77800000000000002</v>
      </c>
      <c r="C14" s="5">
        <v>0.222</v>
      </c>
      <c r="D14" s="5">
        <v>0</v>
      </c>
      <c r="E14" s="5">
        <v>0</v>
      </c>
      <c r="F14" s="5">
        <v>1</v>
      </c>
    </row>
    <row r="15" spans="1:15">
      <c r="A15" s="56" t="s">
        <v>29</v>
      </c>
      <c r="B15" s="4">
        <v>3572</v>
      </c>
      <c r="C15" s="4">
        <v>104</v>
      </c>
      <c r="D15" s="4">
        <v>7</v>
      </c>
      <c r="E15" s="4">
        <v>2</v>
      </c>
      <c r="F15" s="4">
        <v>3685</v>
      </c>
      <c r="K15" s="9"/>
      <c r="L15" s="9"/>
      <c r="M15" s="9"/>
      <c r="N15" s="9"/>
      <c r="O15" s="9"/>
    </row>
    <row r="16" spans="1:15">
      <c r="A16" s="57"/>
      <c r="B16" s="5">
        <v>0.96899999999999997</v>
      </c>
      <c r="C16" s="5">
        <v>2.8000000000000001E-2</v>
      </c>
      <c r="D16" s="5">
        <v>2E-3</v>
      </c>
      <c r="E16" s="5">
        <v>1E-3</v>
      </c>
      <c r="F16" s="5">
        <v>1</v>
      </c>
    </row>
    <row r="17" spans="1:15">
      <c r="A17" s="54" t="s">
        <v>105</v>
      </c>
      <c r="B17" s="54"/>
      <c r="C17" s="54"/>
      <c r="D17" s="54"/>
      <c r="E17" s="54"/>
      <c r="F17" s="54"/>
      <c r="K17" s="9"/>
      <c r="L17" s="9"/>
      <c r="M17" s="9"/>
      <c r="N17" s="9"/>
      <c r="O17" s="9"/>
    </row>
    <row r="18" spans="1:15">
      <c r="A18" s="55"/>
      <c r="B18" s="55"/>
      <c r="C18" s="55"/>
      <c r="D18" s="55"/>
      <c r="E18" s="55"/>
      <c r="F18" s="55"/>
    </row>
    <row r="19" spans="1:15">
      <c r="K19" s="9"/>
      <c r="L19" s="9"/>
      <c r="M19" s="9"/>
      <c r="N19" s="9"/>
      <c r="O19" s="9"/>
    </row>
    <row r="21" spans="1:15">
      <c r="K21" s="9"/>
      <c r="L21" s="9"/>
      <c r="M21" s="9"/>
      <c r="N21" s="9"/>
      <c r="O21" s="9"/>
    </row>
    <row r="23" spans="1:15">
      <c r="K23" s="9"/>
      <c r="L23" s="9"/>
      <c r="M23" s="9"/>
      <c r="N23" s="9"/>
      <c r="O23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8"/>
  <dimension ref="A1:O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46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2</v>
      </c>
      <c r="B3" s="53" t="s">
        <v>519</v>
      </c>
      <c r="C3" s="53"/>
      <c r="D3" s="53"/>
      <c r="E3" s="53"/>
      <c r="F3" s="53"/>
      <c r="G3" s="2"/>
    </row>
    <row r="4" spans="1:15">
      <c r="A4" s="60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15">
      <c r="A5" s="56" t="s">
        <v>173</v>
      </c>
      <c r="B5" s="4">
        <v>837</v>
      </c>
      <c r="C5" s="4">
        <v>759</v>
      </c>
      <c r="D5" s="4">
        <v>132</v>
      </c>
      <c r="E5" s="4">
        <v>44</v>
      </c>
      <c r="F5" s="4">
        <v>1772</v>
      </c>
    </row>
    <row r="6" spans="1:15">
      <c r="A6" s="61"/>
      <c r="B6" s="5">
        <v>0.47199999999999998</v>
      </c>
      <c r="C6" s="5">
        <v>0.42799999999999999</v>
      </c>
      <c r="D6" s="5">
        <v>7.3999999999999996E-2</v>
      </c>
      <c r="E6" s="5">
        <v>2.5000000000000001E-2</v>
      </c>
      <c r="F6" s="5">
        <v>1</v>
      </c>
    </row>
    <row r="7" spans="1:15">
      <c r="A7" s="56" t="s">
        <v>174</v>
      </c>
      <c r="B7" s="6">
        <v>543</v>
      </c>
      <c r="C7" s="6">
        <v>638</v>
      </c>
      <c r="D7" s="6">
        <v>90</v>
      </c>
      <c r="E7" s="6">
        <v>38</v>
      </c>
      <c r="F7" s="4">
        <v>1309</v>
      </c>
      <c r="K7" s="9"/>
      <c r="L7" s="9"/>
      <c r="M7" s="9"/>
      <c r="N7" s="9"/>
      <c r="O7" s="9"/>
    </row>
    <row r="8" spans="1:15">
      <c r="A8" s="57"/>
      <c r="B8" s="5">
        <v>0.41499999999999998</v>
      </c>
      <c r="C8" s="5">
        <v>0.48699999999999999</v>
      </c>
      <c r="D8" s="5">
        <v>6.9000000000000006E-2</v>
      </c>
      <c r="E8" s="5">
        <v>2.9000000000000001E-2</v>
      </c>
      <c r="F8" s="5">
        <v>1</v>
      </c>
    </row>
    <row r="9" spans="1:15">
      <c r="A9" s="56" t="s">
        <v>175</v>
      </c>
      <c r="B9" s="6">
        <v>174</v>
      </c>
      <c r="C9" s="6">
        <v>180</v>
      </c>
      <c r="D9" s="6">
        <v>30</v>
      </c>
      <c r="E9" s="6">
        <v>16</v>
      </c>
      <c r="F9" s="6">
        <v>400</v>
      </c>
      <c r="K9" s="9"/>
      <c r="L9" s="9"/>
      <c r="M9" s="9"/>
      <c r="N9" s="9"/>
      <c r="O9" s="9"/>
    </row>
    <row r="10" spans="1:15">
      <c r="A10" s="57"/>
      <c r="B10" s="5">
        <v>0.435</v>
      </c>
      <c r="C10" s="5">
        <v>0.45</v>
      </c>
      <c r="D10" s="5">
        <v>7.4999999999999997E-2</v>
      </c>
      <c r="E10" s="5">
        <v>0.04</v>
      </c>
      <c r="F10" s="5">
        <v>1</v>
      </c>
    </row>
    <row r="11" spans="1:15" ht="14.25" customHeight="1">
      <c r="A11" s="73" t="s">
        <v>176</v>
      </c>
      <c r="B11" s="6">
        <v>31</v>
      </c>
      <c r="C11" s="6">
        <v>47</v>
      </c>
      <c r="D11" s="6">
        <v>4</v>
      </c>
      <c r="E11" s="6">
        <v>2</v>
      </c>
      <c r="F11" s="6">
        <v>84</v>
      </c>
      <c r="K11" s="9"/>
      <c r="L11" s="9"/>
      <c r="M11" s="9"/>
      <c r="N11" s="9"/>
      <c r="O11" s="9"/>
    </row>
    <row r="12" spans="1:15">
      <c r="A12" s="74"/>
      <c r="B12" s="5">
        <v>0.36899999999999999</v>
      </c>
      <c r="C12" s="5">
        <v>0.56000000000000005</v>
      </c>
      <c r="D12" s="5">
        <v>4.8000000000000001E-2</v>
      </c>
      <c r="E12" s="5">
        <v>2.4E-2</v>
      </c>
      <c r="F12" s="5">
        <v>1</v>
      </c>
    </row>
    <row r="13" spans="1:15">
      <c r="A13" s="56" t="s">
        <v>171</v>
      </c>
      <c r="B13" s="6">
        <v>6</v>
      </c>
      <c r="C13" s="6">
        <v>1</v>
      </c>
      <c r="D13" s="6">
        <v>0</v>
      </c>
      <c r="E13" s="6">
        <v>0</v>
      </c>
      <c r="F13" s="6">
        <v>7</v>
      </c>
      <c r="K13" s="9"/>
      <c r="L13" s="9"/>
      <c r="M13" s="9"/>
      <c r="N13" s="9"/>
      <c r="O13" s="9"/>
    </row>
    <row r="14" spans="1:15">
      <c r="A14" s="57"/>
      <c r="B14" s="5">
        <v>0.85699999999999998</v>
      </c>
      <c r="C14" s="5">
        <v>0.14299999999999999</v>
      </c>
      <c r="D14" s="5">
        <v>0</v>
      </c>
      <c r="E14" s="5">
        <v>0</v>
      </c>
      <c r="F14" s="5">
        <v>1</v>
      </c>
    </row>
    <row r="15" spans="1:15">
      <c r="A15" s="56" t="s">
        <v>29</v>
      </c>
      <c r="B15" s="4">
        <v>1591</v>
      </c>
      <c r="C15" s="4">
        <v>1625</v>
      </c>
      <c r="D15" s="4">
        <v>256</v>
      </c>
      <c r="E15" s="4">
        <v>100</v>
      </c>
      <c r="F15" s="4">
        <v>3572</v>
      </c>
      <c r="K15" s="9"/>
      <c r="L15" s="9"/>
      <c r="M15" s="9"/>
      <c r="N15" s="9"/>
      <c r="O15" s="9"/>
    </row>
    <row r="16" spans="1:15">
      <c r="A16" s="57"/>
      <c r="B16" s="5">
        <v>0.44500000000000001</v>
      </c>
      <c r="C16" s="5">
        <v>0.45500000000000002</v>
      </c>
      <c r="D16" s="5">
        <v>7.1999999999999995E-2</v>
      </c>
      <c r="E16" s="5">
        <v>2.8000000000000001E-2</v>
      </c>
      <c r="F16" s="5">
        <v>1</v>
      </c>
    </row>
    <row r="17" spans="1:15">
      <c r="A17" s="54" t="s">
        <v>520</v>
      </c>
      <c r="B17" s="54"/>
      <c r="C17" s="54"/>
      <c r="D17" s="54"/>
      <c r="E17" s="54"/>
      <c r="F17" s="54"/>
      <c r="K17" s="9"/>
      <c r="L17" s="9"/>
      <c r="M17" s="9"/>
      <c r="N17" s="9"/>
      <c r="O17" s="9"/>
    </row>
    <row r="18" spans="1:15">
      <c r="A18" s="55"/>
      <c r="B18" s="55"/>
      <c r="C18" s="55"/>
      <c r="D18" s="55"/>
      <c r="E18" s="55"/>
      <c r="F18" s="55"/>
    </row>
    <row r="19" spans="1:15">
      <c r="K19" s="9"/>
      <c r="L19" s="9"/>
      <c r="M19" s="9"/>
      <c r="N19" s="9"/>
      <c r="O19" s="9"/>
    </row>
    <row r="21" spans="1:15">
      <c r="K21" s="9"/>
      <c r="L21" s="9"/>
      <c r="M21" s="9"/>
      <c r="N21" s="9"/>
      <c r="O21" s="9"/>
    </row>
    <row r="23" spans="1:15">
      <c r="K23" s="9"/>
      <c r="L23" s="9"/>
      <c r="M23" s="9"/>
      <c r="N23" s="9"/>
      <c r="O23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96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26</v>
      </c>
      <c r="B3" s="53" t="s">
        <v>97</v>
      </c>
      <c r="C3" s="53"/>
      <c r="D3" s="53"/>
      <c r="E3" s="53"/>
      <c r="F3" s="53"/>
      <c r="G3" s="2"/>
    </row>
    <row r="4" spans="1:15" ht="28.5">
      <c r="A4" s="60"/>
      <c r="B4" s="8" t="s">
        <v>139</v>
      </c>
      <c r="C4" s="8" t="s">
        <v>140</v>
      </c>
      <c r="D4" s="8" t="s">
        <v>141</v>
      </c>
      <c r="E4" s="8" t="s">
        <v>42</v>
      </c>
      <c r="F4" s="8" t="s">
        <v>29</v>
      </c>
    </row>
    <row r="5" spans="1:15">
      <c r="A5" s="56" t="s">
        <v>30</v>
      </c>
      <c r="B5" s="4">
        <v>599</v>
      </c>
      <c r="C5" s="4">
        <v>694</v>
      </c>
      <c r="D5" s="4">
        <v>112</v>
      </c>
      <c r="E5" s="4">
        <v>1</v>
      </c>
      <c r="F5" s="4">
        <v>1406</v>
      </c>
    </row>
    <row r="6" spans="1:15">
      <c r="A6" s="61"/>
      <c r="B6" s="5">
        <v>0.42599999999999999</v>
      </c>
      <c r="C6" s="5">
        <v>0.49399999999999999</v>
      </c>
      <c r="D6" s="5">
        <v>0.08</v>
      </c>
      <c r="E6" s="5">
        <v>1E-3</v>
      </c>
      <c r="F6" s="5">
        <v>1</v>
      </c>
    </row>
    <row r="7" spans="1:15">
      <c r="A7" s="56" t="s">
        <v>31</v>
      </c>
      <c r="B7" s="6">
        <v>358</v>
      </c>
      <c r="C7" s="6">
        <v>360</v>
      </c>
      <c r="D7" s="6">
        <v>46</v>
      </c>
      <c r="E7" s="6">
        <v>1</v>
      </c>
      <c r="F7" s="4">
        <v>765</v>
      </c>
    </row>
    <row r="8" spans="1:15">
      <c r="A8" s="57"/>
      <c r="B8" s="5">
        <v>0.46800000000000003</v>
      </c>
      <c r="C8" s="5">
        <v>0.47099999999999997</v>
      </c>
      <c r="D8" s="5">
        <v>0.06</v>
      </c>
      <c r="E8" s="5">
        <v>1E-3</v>
      </c>
      <c r="F8" s="5">
        <v>1</v>
      </c>
      <c r="K8" s="9"/>
      <c r="L8" s="9"/>
      <c r="M8" s="9"/>
      <c r="N8" s="9"/>
      <c r="O8" s="9"/>
    </row>
    <row r="9" spans="1:15">
      <c r="A9" s="56" t="s">
        <v>32</v>
      </c>
      <c r="B9" s="6">
        <v>112</v>
      </c>
      <c r="C9" s="6">
        <v>117</v>
      </c>
      <c r="D9" s="6">
        <v>10</v>
      </c>
      <c r="E9" s="6">
        <v>1</v>
      </c>
      <c r="F9" s="6">
        <v>240</v>
      </c>
    </row>
    <row r="10" spans="1:15">
      <c r="A10" s="57"/>
      <c r="B10" s="5">
        <v>0.46700000000000003</v>
      </c>
      <c r="C10" s="5">
        <v>0.48799999999999999</v>
      </c>
      <c r="D10" s="5">
        <v>4.2000000000000003E-2</v>
      </c>
      <c r="E10" s="5">
        <v>4.0000000000000001E-3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58" t="s">
        <v>38</v>
      </c>
      <c r="B11" s="6">
        <v>99</v>
      </c>
      <c r="C11" s="6">
        <v>90</v>
      </c>
      <c r="D11" s="6">
        <v>9</v>
      </c>
      <c r="E11" s="6">
        <v>1</v>
      </c>
      <c r="F11" s="6">
        <v>199</v>
      </c>
    </row>
    <row r="12" spans="1:15">
      <c r="A12" s="59"/>
      <c r="B12" s="5">
        <v>0.497</v>
      </c>
      <c r="C12" s="5">
        <v>0.45200000000000001</v>
      </c>
      <c r="D12" s="5">
        <v>4.4999999999999998E-2</v>
      </c>
      <c r="E12" s="5">
        <v>5.0000000000000001E-3</v>
      </c>
      <c r="F12" s="5">
        <v>1</v>
      </c>
      <c r="K12" s="9"/>
      <c r="L12" s="9"/>
      <c r="M12" s="9"/>
      <c r="N12" s="9"/>
      <c r="O12" s="9"/>
    </row>
    <row r="13" spans="1:15">
      <c r="A13" s="56" t="s">
        <v>33</v>
      </c>
      <c r="B13" s="6">
        <v>142</v>
      </c>
      <c r="C13" s="6">
        <v>136</v>
      </c>
      <c r="D13" s="6">
        <v>11</v>
      </c>
      <c r="E13" s="6">
        <v>0</v>
      </c>
      <c r="F13" s="6">
        <v>289</v>
      </c>
    </row>
    <row r="14" spans="1:15">
      <c r="A14" s="57"/>
      <c r="B14" s="5">
        <v>0.49099999999999999</v>
      </c>
      <c r="C14" s="5">
        <v>0.47099999999999997</v>
      </c>
      <c r="D14" s="5">
        <v>3.7999999999999999E-2</v>
      </c>
      <c r="E14" s="5">
        <v>0</v>
      </c>
      <c r="F14" s="5">
        <v>1</v>
      </c>
      <c r="K14" s="9"/>
      <c r="L14" s="9"/>
      <c r="M14" s="9"/>
      <c r="N14" s="9"/>
      <c r="O14" s="9"/>
    </row>
    <row r="15" spans="1:15">
      <c r="A15" s="56" t="s">
        <v>34</v>
      </c>
      <c r="B15" s="6">
        <v>129</v>
      </c>
      <c r="C15" s="6">
        <v>110</v>
      </c>
      <c r="D15" s="6">
        <v>12</v>
      </c>
      <c r="E15" s="6">
        <v>1</v>
      </c>
      <c r="F15" s="6">
        <v>252</v>
      </c>
    </row>
    <row r="16" spans="1:15">
      <c r="A16" s="57"/>
      <c r="B16" s="5">
        <v>0.51200000000000001</v>
      </c>
      <c r="C16" s="5">
        <v>0.437</v>
      </c>
      <c r="D16" s="5">
        <v>4.8000000000000001E-2</v>
      </c>
      <c r="E16" s="5">
        <v>4.0000000000000001E-3</v>
      </c>
      <c r="F16" s="5">
        <v>1</v>
      </c>
      <c r="K16" s="9"/>
      <c r="L16" s="9"/>
      <c r="M16" s="9"/>
      <c r="N16" s="9"/>
      <c r="O16" s="9"/>
    </row>
    <row r="17" spans="1:15">
      <c r="A17" s="56" t="s">
        <v>35</v>
      </c>
      <c r="B17" s="6">
        <v>167</v>
      </c>
      <c r="C17" s="6">
        <v>182</v>
      </c>
      <c r="D17" s="6">
        <v>27</v>
      </c>
      <c r="E17" s="6">
        <v>0</v>
      </c>
      <c r="F17" s="6">
        <v>376</v>
      </c>
    </row>
    <row r="18" spans="1:15">
      <c r="A18" s="57"/>
      <c r="B18" s="5">
        <v>0.44400000000000001</v>
      </c>
      <c r="C18" s="5">
        <v>0.48399999999999999</v>
      </c>
      <c r="D18" s="5">
        <v>7.1999999999999995E-2</v>
      </c>
      <c r="E18" s="5">
        <v>0</v>
      </c>
      <c r="F18" s="5">
        <v>1</v>
      </c>
      <c r="K18" s="9"/>
      <c r="L18" s="9"/>
      <c r="M18" s="9"/>
      <c r="N18" s="9"/>
      <c r="O18" s="9"/>
    </row>
    <row r="19" spans="1:15">
      <c r="A19" s="56" t="s">
        <v>36</v>
      </c>
      <c r="B19" s="6">
        <v>67</v>
      </c>
      <c r="C19" s="6">
        <v>79</v>
      </c>
      <c r="D19" s="6">
        <v>12</v>
      </c>
      <c r="E19" s="6">
        <v>0</v>
      </c>
      <c r="F19" s="6">
        <v>158</v>
      </c>
    </row>
    <row r="20" spans="1:15">
      <c r="A20" s="57"/>
      <c r="B20" s="5">
        <v>0.42399999999999999</v>
      </c>
      <c r="C20" s="5">
        <v>0.5</v>
      </c>
      <c r="D20" s="5">
        <v>7.5999999999999998E-2</v>
      </c>
      <c r="E20" s="5">
        <v>0</v>
      </c>
      <c r="F20" s="5">
        <v>1</v>
      </c>
      <c r="K20" s="9"/>
      <c r="L20" s="9"/>
      <c r="M20" s="9"/>
      <c r="N20" s="9"/>
      <c r="O20" s="9"/>
    </row>
    <row r="21" spans="1:15">
      <c r="A21" s="56" t="s">
        <v>29</v>
      </c>
      <c r="B21" s="4">
        <v>1673</v>
      </c>
      <c r="C21" s="4">
        <v>1768</v>
      </c>
      <c r="D21" s="4">
        <v>239</v>
      </c>
      <c r="E21" s="4">
        <v>5</v>
      </c>
      <c r="F21" s="4">
        <v>3685</v>
      </c>
    </row>
    <row r="22" spans="1:15">
      <c r="A22" s="57"/>
      <c r="B22" s="5">
        <v>0.45400000000000001</v>
      </c>
      <c r="C22" s="5">
        <v>0.48</v>
      </c>
      <c r="D22" s="5">
        <v>6.5000000000000002E-2</v>
      </c>
      <c r="E22" s="5">
        <v>1E-3</v>
      </c>
      <c r="F22" s="5">
        <v>1</v>
      </c>
      <c r="K22" s="9"/>
      <c r="L22" s="9"/>
      <c r="M22" s="9"/>
      <c r="N22" s="9"/>
      <c r="O22" s="9"/>
    </row>
    <row r="23" spans="1:15">
      <c r="A23" s="54" t="s">
        <v>98</v>
      </c>
      <c r="B23" s="54"/>
      <c r="C23" s="54"/>
      <c r="D23" s="54"/>
      <c r="E23" s="54"/>
      <c r="F23" s="54"/>
    </row>
    <row r="24" spans="1:15">
      <c r="A24" s="55"/>
      <c r="B24" s="55"/>
      <c r="C24" s="55"/>
      <c r="D24" s="55"/>
      <c r="E24" s="55"/>
      <c r="F24" s="55"/>
      <c r="K24" s="9"/>
      <c r="L24" s="9"/>
      <c r="M24" s="9"/>
      <c r="N24" s="9"/>
      <c r="O24" s="9"/>
    </row>
  </sheetData>
  <mergeCells count="12">
    <mergeCell ref="A23:F24"/>
    <mergeCell ref="A3:A4"/>
    <mergeCell ref="B3:F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9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47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72</v>
      </c>
      <c r="B3" s="53" t="s">
        <v>113</v>
      </c>
      <c r="C3" s="53"/>
      <c r="D3" s="53"/>
      <c r="E3" s="53"/>
      <c r="F3" s="2"/>
    </row>
    <row r="4" spans="1:13" ht="28.5">
      <c r="A4" s="60"/>
      <c r="B4" s="8" t="s">
        <v>151</v>
      </c>
      <c r="C4" s="8" t="s">
        <v>152</v>
      </c>
      <c r="D4" s="8" t="s">
        <v>42</v>
      </c>
      <c r="E4" s="8" t="s">
        <v>29</v>
      </c>
    </row>
    <row r="5" spans="1:13">
      <c r="A5" s="56" t="s">
        <v>173</v>
      </c>
      <c r="B5" s="4">
        <v>1799</v>
      </c>
      <c r="C5" s="4">
        <v>15</v>
      </c>
      <c r="D5" s="4">
        <v>5</v>
      </c>
      <c r="E5" s="4">
        <v>1819</v>
      </c>
    </row>
    <row r="6" spans="1:13">
      <c r="A6" s="61"/>
      <c r="B6" s="5">
        <v>0.98899999999999999</v>
      </c>
      <c r="C6" s="5">
        <v>8.0000000000000002E-3</v>
      </c>
      <c r="D6" s="5">
        <v>3.0000000000000001E-3</v>
      </c>
      <c r="E6" s="5">
        <v>1</v>
      </c>
    </row>
    <row r="7" spans="1:13">
      <c r="A7" s="56" t="s">
        <v>174</v>
      </c>
      <c r="B7" s="4">
        <v>1328</v>
      </c>
      <c r="C7" s="4">
        <v>13</v>
      </c>
      <c r="D7" s="4">
        <v>3</v>
      </c>
      <c r="E7" s="4">
        <v>1344</v>
      </c>
    </row>
    <row r="8" spans="1:13">
      <c r="A8" s="57"/>
      <c r="B8" s="5">
        <v>0.98799999999999999</v>
      </c>
      <c r="C8" s="5">
        <v>0.01</v>
      </c>
      <c r="D8" s="5">
        <v>2E-3</v>
      </c>
      <c r="E8" s="5">
        <v>1</v>
      </c>
      <c r="J8" s="9"/>
      <c r="K8" s="9"/>
      <c r="L8" s="9"/>
      <c r="M8" s="9"/>
    </row>
    <row r="9" spans="1:13">
      <c r="A9" s="56" t="s">
        <v>175</v>
      </c>
      <c r="B9" s="6">
        <v>411</v>
      </c>
      <c r="C9" s="6">
        <v>8</v>
      </c>
      <c r="D9" s="6">
        <v>1</v>
      </c>
      <c r="E9" s="6">
        <v>420</v>
      </c>
    </row>
    <row r="10" spans="1:13">
      <c r="A10" s="57"/>
      <c r="B10" s="5">
        <v>0.97899999999999998</v>
      </c>
      <c r="C10" s="5">
        <v>1.9E-2</v>
      </c>
      <c r="D10" s="5">
        <v>2E-3</v>
      </c>
      <c r="E10" s="5">
        <v>1</v>
      </c>
      <c r="J10" s="9"/>
      <c r="K10" s="9"/>
      <c r="L10" s="9"/>
      <c r="M10" s="9"/>
    </row>
    <row r="11" spans="1:13" ht="14.25" customHeight="1">
      <c r="A11" s="73" t="s">
        <v>176</v>
      </c>
      <c r="B11" s="6">
        <v>90</v>
      </c>
      <c r="C11" s="6">
        <v>3</v>
      </c>
      <c r="D11" s="6">
        <v>0</v>
      </c>
      <c r="E11" s="6">
        <v>93</v>
      </c>
    </row>
    <row r="12" spans="1:13">
      <c r="A12" s="74"/>
      <c r="B12" s="5">
        <v>0.96799999999999997</v>
      </c>
      <c r="C12" s="5">
        <v>3.2000000000000001E-2</v>
      </c>
      <c r="D12" s="5">
        <v>0</v>
      </c>
      <c r="E12" s="5">
        <v>1</v>
      </c>
      <c r="J12" s="9"/>
      <c r="K12" s="9"/>
      <c r="L12" s="9"/>
      <c r="M12" s="9"/>
    </row>
    <row r="13" spans="1:13">
      <c r="A13" s="56" t="s">
        <v>171</v>
      </c>
      <c r="B13" s="6">
        <v>9</v>
      </c>
      <c r="C13" s="6">
        <v>0</v>
      </c>
      <c r="D13" s="6">
        <v>0</v>
      </c>
      <c r="E13" s="6">
        <v>9</v>
      </c>
    </row>
    <row r="14" spans="1:13">
      <c r="A14" s="57"/>
      <c r="B14" s="5">
        <v>1</v>
      </c>
      <c r="C14" s="5">
        <v>0</v>
      </c>
      <c r="D14" s="5">
        <v>0</v>
      </c>
      <c r="E14" s="5">
        <v>1</v>
      </c>
      <c r="J14" s="9"/>
      <c r="K14" s="9"/>
      <c r="L14" s="9"/>
      <c r="M14" s="9"/>
    </row>
    <row r="15" spans="1:13">
      <c r="A15" s="56" t="s">
        <v>29</v>
      </c>
      <c r="B15" s="4">
        <v>3637</v>
      </c>
      <c r="C15" s="4">
        <v>39</v>
      </c>
      <c r="D15" s="4">
        <v>9</v>
      </c>
      <c r="E15" s="4">
        <v>3685</v>
      </c>
    </row>
    <row r="16" spans="1:13">
      <c r="A16" s="57"/>
      <c r="B16" s="5">
        <v>0.98699999999999999</v>
      </c>
      <c r="C16" s="5">
        <v>1.0999999999999999E-2</v>
      </c>
      <c r="D16" s="5">
        <v>2E-3</v>
      </c>
      <c r="E16" s="5">
        <v>1</v>
      </c>
      <c r="J16" s="9"/>
      <c r="K16" s="9"/>
      <c r="L16" s="9"/>
      <c r="M16" s="9"/>
    </row>
    <row r="17" spans="1:13">
      <c r="A17" s="54" t="s">
        <v>106</v>
      </c>
      <c r="B17" s="54"/>
      <c r="C17" s="54"/>
      <c r="D17" s="54"/>
      <c r="E17" s="54"/>
    </row>
    <row r="18" spans="1:13">
      <c r="A18" s="55"/>
      <c r="B18" s="55"/>
      <c r="C18" s="55"/>
      <c r="D18" s="55"/>
      <c r="E18" s="55"/>
      <c r="J18" s="9"/>
      <c r="K18" s="9"/>
      <c r="L18" s="9"/>
      <c r="M18" s="9"/>
    </row>
    <row r="20" spans="1:13"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0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48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2</v>
      </c>
      <c r="B3" s="53" t="s">
        <v>114</v>
      </c>
      <c r="C3" s="53"/>
      <c r="D3" s="53"/>
      <c r="E3" s="53"/>
      <c r="F3" s="53"/>
      <c r="G3" s="2"/>
    </row>
    <row r="4" spans="1:15">
      <c r="A4" s="60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15">
      <c r="A5" s="56" t="s">
        <v>173</v>
      </c>
      <c r="B5" s="4">
        <v>388</v>
      </c>
      <c r="C5" s="4">
        <v>615</v>
      </c>
      <c r="D5" s="4">
        <v>801</v>
      </c>
      <c r="E5" s="4">
        <v>15</v>
      </c>
      <c r="F5" s="4">
        <v>1819</v>
      </c>
    </row>
    <row r="6" spans="1:15">
      <c r="A6" s="61"/>
      <c r="B6" s="5">
        <v>0.21299999999999999</v>
      </c>
      <c r="C6" s="5">
        <v>0.33800000000000002</v>
      </c>
      <c r="D6" s="5">
        <v>0.44</v>
      </c>
      <c r="E6" s="5">
        <v>8.0000000000000002E-3</v>
      </c>
      <c r="F6" s="5">
        <v>1</v>
      </c>
    </row>
    <row r="7" spans="1:15">
      <c r="A7" s="56" t="s">
        <v>174</v>
      </c>
      <c r="B7" s="6">
        <v>205</v>
      </c>
      <c r="C7" s="6">
        <v>417</v>
      </c>
      <c r="D7" s="6">
        <v>709</v>
      </c>
      <c r="E7" s="6">
        <v>13</v>
      </c>
      <c r="F7" s="4">
        <v>1344</v>
      </c>
    </row>
    <row r="8" spans="1:15">
      <c r="A8" s="57"/>
      <c r="B8" s="5">
        <v>0.153</v>
      </c>
      <c r="C8" s="5">
        <v>0.31</v>
      </c>
      <c r="D8" s="5">
        <v>0.52800000000000002</v>
      </c>
      <c r="E8" s="5">
        <v>0.01</v>
      </c>
      <c r="F8" s="5">
        <v>1</v>
      </c>
      <c r="K8" s="9"/>
      <c r="L8" s="9"/>
      <c r="M8" s="9"/>
      <c r="N8" s="9"/>
      <c r="O8" s="9"/>
    </row>
    <row r="9" spans="1:15">
      <c r="A9" s="56" t="s">
        <v>175</v>
      </c>
      <c r="B9" s="6">
        <v>67</v>
      </c>
      <c r="C9" s="6">
        <v>133</v>
      </c>
      <c r="D9" s="6">
        <v>218</v>
      </c>
      <c r="E9" s="6">
        <v>2</v>
      </c>
      <c r="F9" s="6">
        <v>420</v>
      </c>
    </row>
    <row r="10" spans="1:15">
      <c r="A10" s="57"/>
      <c r="B10" s="5">
        <v>0.16</v>
      </c>
      <c r="C10" s="5">
        <v>0.317</v>
      </c>
      <c r="D10" s="5">
        <v>0.51900000000000002</v>
      </c>
      <c r="E10" s="5">
        <v>5.0000000000000001E-3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73" t="s">
        <v>176</v>
      </c>
      <c r="B11" s="6">
        <v>9</v>
      </c>
      <c r="C11" s="6">
        <v>25</v>
      </c>
      <c r="D11" s="6">
        <v>58</v>
      </c>
      <c r="E11" s="6">
        <v>1</v>
      </c>
      <c r="F11" s="6">
        <v>93</v>
      </c>
    </row>
    <row r="12" spans="1:15">
      <c r="A12" s="74"/>
      <c r="B12" s="5">
        <v>9.7000000000000003E-2</v>
      </c>
      <c r="C12" s="5">
        <v>0.26900000000000002</v>
      </c>
      <c r="D12" s="5">
        <v>0.624</v>
      </c>
      <c r="E12" s="5">
        <v>1.0999999999999999E-2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1</v>
      </c>
      <c r="C13" s="6">
        <v>2</v>
      </c>
      <c r="D13" s="6">
        <v>6</v>
      </c>
      <c r="E13" s="6">
        <v>0</v>
      </c>
      <c r="F13" s="6">
        <v>9</v>
      </c>
    </row>
    <row r="14" spans="1:15">
      <c r="A14" s="57"/>
      <c r="B14" s="5">
        <v>0.111</v>
      </c>
      <c r="C14" s="5">
        <v>0.222</v>
      </c>
      <c r="D14" s="5">
        <v>0.66700000000000004</v>
      </c>
      <c r="E14" s="5">
        <v>0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670</v>
      </c>
      <c r="C15" s="4">
        <v>1192</v>
      </c>
      <c r="D15" s="4">
        <v>1792</v>
      </c>
      <c r="E15" s="4">
        <v>31</v>
      </c>
      <c r="F15" s="4">
        <v>3685</v>
      </c>
    </row>
    <row r="16" spans="1:15">
      <c r="A16" s="57"/>
      <c r="B16" s="5">
        <v>0.182</v>
      </c>
      <c r="C16" s="5">
        <v>0.32300000000000001</v>
      </c>
      <c r="D16" s="5">
        <v>0.48599999999999999</v>
      </c>
      <c r="E16" s="5">
        <v>8.0000000000000002E-3</v>
      </c>
      <c r="F16" s="5">
        <v>1</v>
      </c>
      <c r="K16" s="9"/>
      <c r="L16" s="9"/>
      <c r="M16" s="9"/>
      <c r="N16" s="9"/>
      <c r="O16" s="9"/>
    </row>
    <row r="17" spans="1:15">
      <c r="A17" s="54" t="s">
        <v>115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1"/>
  <dimension ref="A1:R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8">
      <c r="A1" s="1" t="s">
        <v>549</v>
      </c>
    </row>
    <row r="2" spans="1:18" ht="14.25" customHeight="1">
      <c r="A2" s="41" t="s">
        <v>812</v>
      </c>
      <c r="C2" s="7"/>
      <c r="D2" s="7"/>
      <c r="E2" s="7"/>
      <c r="F2" s="7"/>
      <c r="G2" s="7"/>
    </row>
    <row r="3" spans="1:18" ht="14.25" customHeight="1">
      <c r="A3" s="60" t="s">
        <v>172</v>
      </c>
      <c r="B3" s="53" t="s">
        <v>116</v>
      </c>
      <c r="C3" s="53"/>
      <c r="D3" s="53"/>
      <c r="E3" s="53"/>
      <c r="F3" s="53"/>
      <c r="G3" s="53"/>
      <c r="H3" s="2"/>
    </row>
    <row r="4" spans="1:18" ht="28.5">
      <c r="A4" s="60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18">
      <c r="A5" s="56" t="s">
        <v>173</v>
      </c>
      <c r="B5" s="4">
        <v>1414</v>
      </c>
      <c r="C5" s="4">
        <v>117</v>
      </c>
      <c r="D5" s="4">
        <v>218</v>
      </c>
      <c r="E5" s="4">
        <v>59</v>
      </c>
      <c r="F5" s="4">
        <v>11</v>
      </c>
      <c r="G5" s="4">
        <v>1819</v>
      </c>
    </row>
    <row r="6" spans="1:18">
      <c r="A6" s="61"/>
      <c r="B6" s="5">
        <v>0.77700000000000002</v>
      </c>
      <c r="C6" s="5">
        <v>6.4000000000000001E-2</v>
      </c>
      <c r="D6" s="5">
        <v>0.12</v>
      </c>
      <c r="E6" s="5">
        <v>3.2000000000000001E-2</v>
      </c>
      <c r="F6" s="5">
        <v>6.0000000000000001E-3</v>
      </c>
      <c r="G6" s="5">
        <v>1</v>
      </c>
    </row>
    <row r="7" spans="1:18">
      <c r="A7" s="56" t="s">
        <v>174</v>
      </c>
      <c r="B7" s="4">
        <v>1044</v>
      </c>
      <c r="C7" s="4">
        <v>99</v>
      </c>
      <c r="D7" s="4">
        <v>154</v>
      </c>
      <c r="E7" s="4">
        <v>42</v>
      </c>
      <c r="F7" s="4">
        <v>5</v>
      </c>
      <c r="G7" s="4">
        <v>1344</v>
      </c>
    </row>
    <row r="8" spans="1:18">
      <c r="A8" s="57"/>
      <c r="B8" s="5">
        <v>0.77700000000000002</v>
      </c>
      <c r="C8" s="5">
        <v>7.3999999999999996E-2</v>
      </c>
      <c r="D8" s="5">
        <v>0.115</v>
      </c>
      <c r="E8" s="5">
        <v>3.1E-2</v>
      </c>
      <c r="F8" s="5">
        <v>4.0000000000000001E-3</v>
      </c>
      <c r="G8" s="5">
        <v>1</v>
      </c>
      <c r="L8" s="9"/>
      <c r="M8" s="9"/>
      <c r="N8" s="9"/>
      <c r="O8" s="9"/>
      <c r="P8" s="9"/>
      <c r="Q8" s="9"/>
      <c r="R8" s="9"/>
    </row>
    <row r="9" spans="1:18">
      <c r="A9" s="56" t="s">
        <v>175</v>
      </c>
      <c r="B9" s="6">
        <v>294</v>
      </c>
      <c r="C9" s="6">
        <v>45</v>
      </c>
      <c r="D9" s="6">
        <v>65</v>
      </c>
      <c r="E9" s="6">
        <v>14</v>
      </c>
      <c r="F9" s="6">
        <v>2</v>
      </c>
      <c r="G9" s="6">
        <v>420</v>
      </c>
    </row>
    <row r="10" spans="1:18">
      <c r="A10" s="57"/>
      <c r="B10" s="5">
        <v>0.7</v>
      </c>
      <c r="C10" s="5">
        <v>0.107</v>
      </c>
      <c r="D10" s="5">
        <v>0.155</v>
      </c>
      <c r="E10" s="5">
        <v>3.3000000000000002E-2</v>
      </c>
      <c r="F10" s="5">
        <v>5.0000000000000001E-3</v>
      </c>
      <c r="G10" s="5">
        <v>1</v>
      </c>
      <c r="L10" s="9"/>
      <c r="M10" s="9"/>
      <c r="N10" s="9"/>
      <c r="O10" s="9"/>
      <c r="P10" s="9"/>
      <c r="Q10" s="9"/>
      <c r="R10" s="9"/>
    </row>
    <row r="11" spans="1:18" ht="14.25" customHeight="1">
      <c r="A11" s="73" t="s">
        <v>176</v>
      </c>
      <c r="B11" s="6">
        <v>69</v>
      </c>
      <c r="C11" s="6">
        <v>6</v>
      </c>
      <c r="D11" s="6">
        <v>15</v>
      </c>
      <c r="E11" s="6">
        <v>2</v>
      </c>
      <c r="F11" s="6">
        <v>1</v>
      </c>
      <c r="G11" s="6">
        <v>93</v>
      </c>
    </row>
    <row r="12" spans="1:18">
      <c r="A12" s="74"/>
      <c r="B12" s="5">
        <v>0.74199999999999999</v>
      </c>
      <c r="C12" s="5">
        <v>6.5000000000000002E-2</v>
      </c>
      <c r="D12" s="5">
        <v>0.161</v>
      </c>
      <c r="E12" s="5">
        <v>2.1999999999999999E-2</v>
      </c>
      <c r="F12" s="5">
        <v>1.0999999999999999E-2</v>
      </c>
      <c r="G12" s="5">
        <v>1</v>
      </c>
      <c r="L12" s="9"/>
      <c r="M12" s="9"/>
      <c r="N12" s="9"/>
      <c r="O12" s="9"/>
      <c r="P12" s="9"/>
      <c r="Q12" s="9"/>
      <c r="R12" s="9"/>
    </row>
    <row r="13" spans="1:18">
      <c r="A13" s="56" t="s">
        <v>171</v>
      </c>
      <c r="B13" s="6">
        <v>4</v>
      </c>
      <c r="C13" s="6">
        <v>1</v>
      </c>
      <c r="D13" s="6">
        <v>1</v>
      </c>
      <c r="E13" s="6">
        <v>3</v>
      </c>
      <c r="F13" s="6">
        <v>0</v>
      </c>
      <c r="G13" s="6">
        <v>9</v>
      </c>
    </row>
    <row r="14" spans="1:18">
      <c r="A14" s="57"/>
      <c r="B14" s="5">
        <v>0.44400000000000001</v>
      </c>
      <c r="C14" s="5">
        <v>0.111</v>
      </c>
      <c r="D14" s="5">
        <v>0.111</v>
      </c>
      <c r="E14" s="5">
        <v>0.33300000000000002</v>
      </c>
      <c r="F14" s="5">
        <v>0</v>
      </c>
      <c r="G14" s="5">
        <v>1</v>
      </c>
      <c r="L14" s="9"/>
      <c r="M14" s="9"/>
      <c r="N14" s="9"/>
      <c r="O14" s="9"/>
      <c r="P14" s="9"/>
      <c r="Q14" s="9"/>
      <c r="R14" s="9"/>
    </row>
    <row r="15" spans="1:18">
      <c r="A15" s="56" t="s">
        <v>29</v>
      </c>
      <c r="B15" s="4">
        <v>2825</v>
      </c>
      <c r="C15" s="4">
        <v>268</v>
      </c>
      <c r="D15" s="4">
        <v>453</v>
      </c>
      <c r="E15" s="4">
        <v>120</v>
      </c>
      <c r="F15" s="4">
        <v>19</v>
      </c>
      <c r="G15" s="4">
        <v>3685</v>
      </c>
    </row>
    <row r="16" spans="1:18">
      <c r="A16" s="57"/>
      <c r="B16" s="5">
        <v>0.76700000000000002</v>
      </c>
      <c r="C16" s="5">
        <v>7.2999999999999995E-2</v>
      </c>
      <c r="D16" s="5">
        <v>0.123</v>
      </c>
      <c r="E16" s="5">
        <v>3.3000000000000002E-2</v>
      </c>
      <c r="F16" s="5">
        <v>5.0000000000000001E-3</v>
      </c>
      <c r="G16" s="5">
        <v>1</v>
      </c>
      <c r="L16" s="9"/>
      <c r="M16" s="9"/>
      <c r="N16" s="9"/>
      <c r="O16" s="9"/>
      <c r="P16" s="9"/>
      <c r="Q16" s="9"/>
      <c r="R16" s="9"/>
    </row>
    <row r="17" spans="1:18">
      <c r="A17" s="54" t="s">
        <v>119</v>
      </c>
      <c r="B17" s="54"/>
      <c r="C17" s="54"/>
      <c r="D17" s="54"/>
      <c r="E17" s="54"/>
      <c r="F17" s="54"/>
      <c r="G17" s="54"/>
    </row>
    <row r="18" spans="1:18">
      <c r="A18" s="55"/>
      <c r="B18" s="55"/>
      <c r="C18" s="55"/>
      <c r="D18" s="55"/>
      <c r="E18" s="55"/>
      <c r="F18" s="55"/>
      <c r="G18" s="55"/>
      <c r="L18" s="9"/>
      <c r="M18" s="9"/>
      <c r="N18" s="9"/>
      <c r="O18" s="9"/>
      <c r="P18" s="9"/>
      <c r="Q18" s="9"/>
      <c r="R18" s="9"/>
    </row>
    <row r="20" spans="1:18">
      <c r="M20" s="9"/>
      <c r="N20" s="9"/>
      <c r="O20" s="9"/>
      <c r="P20" s="9"/>
      <c r="Q20" s="9"/>
      <c r="R20" s="9"/>
    </row>
    <row r="22" spans="1:18">
      <c r="M22" s="9"/>
      <c r="N22" s="9"/>
      <c r="O22" s="9"/>
      <c r="P22" s="9"/>
      <c r="Q22" s="9"/>
      <c r="R22" s="9"/>
    </row>
    <row r="24" spans="1:18">
      <c r="M24" s="9"/>
      <c r="N24" s="9"/>
      <c r="O24" s="9"/>
      <c r="P24" s="9"/>
      <c r="Q24" s="9"/>
      <c r="R24" s="9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2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50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2</v>
      </c>
      <c r="B3" s="53" t="s">
        <v>117</v>
      </c>
      <c r="C3" s="53"/>
      <c r="D3" s="53"/>
      <c r="E3" s="53"/>
      <c r="F3" s="53"/>
      <c r="G3" s="2"/>
    </row>
    <row r="4" spans="1:15" ht="28.5">
      <c r="A4" s="60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15">
      <c r="A5" s="56" t="s">
        <v>173</v>
      </c>
      <c r="B5" s="4">
        <v>1014</v>
      </c>
      <c r="C5" s="4">
        <v>728</v>
      </c>
      <c r="D5" s="4">
        <v>70</v>
      </c>
      <c r="E5" s="4">
        <v>7</v>
      </c>
      <c r="F5" s="4">
        <v>1819</v>
      </c>
    </row>
    <row r="6" spans="1:15">
      <c r="A6" s="61"/>
      <c r="B6" s="5">
        <v>0.55700000000000005</v>
      </c>
      <c r="C6" s="5">
        <v>0.4</v>
      </c>
      <c r="D6" s="5">
        <v>3.7999999999999999E-2</v>
      </c>
      <c r="E6" s="5">
        <v>4.0000000000000001E-3</v>
      </c>
      <c r="F6" s="5">
        <v>1</v>
      </c>
    </row>
    <row r="7" spans="1:15">
      <c r="A7" s="56" t="s">
        <v>174</v>
      </c>
      <c r="B7" s="4">
        <v>768</v>
      </c>
      <c r="C7" s="4">
        <v>527</v>
      </c>
      <c r="D7" s="4">
        <v>38</v>
      </c>
      <c r="E7" s="4">
        <v>11</v>
      </c>
      <c r="F7" s="4">
        <v>1344</v>
      </c>
    </row>
    <row r="8" spans="1:15">
      <c r="A8" s="57"/>
      <c r="B8" s="5">
        <v>0.57099999999999995</v>
      </c>
      <c r="C8" s="5">
        <v>0.39200000000000002</v>
      </c>
      <c r="D8" s="5">
        <v>2.8000000000000001E-2</v>
      </c>
      <c r="E8" s="5">
        <v>8.0000000000000002E-3</v>
      </c>
      <c r="F8" s="5">
        <v>1</v>
      </c>
      <c r="K8" s="9"/>
      <c r="L8" s="9"/>
      <c r="M8" s="9"/>
      <c r="N8" s="9"/>
      <c r="O8" s="9"/>
    </row>
    <row r="9" spans="1:15">
      <c r="A9" s="56" t="s">
        <v>175</v>
      </c>
      <c r="B9" s="6">
        <v>230</v>
      </c>
      <c r="C9" s="6">
        <v>175</v>
      </c>
      <c r="D9" s="6">
        <v>10</v>
      </c>
      <c r="E9" s="6">
        <v>5</v>
      </c>
      <c r="F9" s="6">
        <v>420</v>
      </c>
    </row>
    <row r="10" spans="1:15">
      <c r="A10" s="57"/>
      <c r="B10" s="5">
        <v>0.54800000000000004</v>
      </c>
      <c r="C10" s="5">
        <v>0.41699999999999998</v>
      </c>
      <c r="D10" s="5">
        <v>2.4E-2</v>
      </c>
      <c r="E10" s="5">
        <v>1.2E-2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73" t="s">
        <v>176</v>
      </c>
      <c r="B11" s="6">
        <v>41</v>
      </c>
      <c r="C11" s="6">
        <v>48</v>
      </c>
      <c r="D11" s="6">
        <v>4</v>
      </c>
      <c r="E11" s="6">
        <v>0</v>
      </c>
      <c r="F11" s="6">
        <v>93</v>
      </c>
    </row>
    <row r="12" spans="1:15">
      <c r="A12" s="74"/>
      <c r="B12" s="5">
        <v>0.441</v>
      </c>
      <c r="C12" s="5">
        <v>0.51600000000000001</v>
      </c>
      <c r="D12" s="5">
        <v>4.2999999999999997E-2</v>
      </c>
      <c r="E12" s="5">
        <v>0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4</v>
      </c>
      <c r="C13" s="6">
        <v>5</v>
      </c>
      <c r="D13" s="6">
        <v>0</v>
      </c>
      <c r="E13" s="6">
        <v>0</v>
      </c>
      <c r="F13" s="6">
        <v>9</v>
      </c>
    </row>
    <row r="14" spans="1:15">
      <c r="A14" s="57"/>
      <c r="B14" s="5">
        <v>0.44400000000000001</v>
      </c>
      <c r="C14" s="5">
        <v>0.55600000000000005</v>
      </c>
      <c r="D14" s="5">
        <v>0</v>
      </c>
      <c r="E14" s="5">
        <v>0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2057</v>
      </c>
      <c r="C15" s="4">
        <v>1483</v>
      </c>
      <c r="D15" s="4">
        <v>122</v>
      </c>
      <c r="E15" s="4">
        <v>23</v>
      </c>
      <c r="F15" s="4">
        <v>3685</v>
      </c>
    </row>
    <row r="16" spans="1:15">
      <c r="A16" s="57"/>
      <c r="B16" s="5">
        <v>0.55800000000000005</v>
      </c>
      <c r="C16" s="5">
        <v>0.40200000000000002</v>
      </c>
      <c r="D16" s="5">
        <v>3.3000000000000002E-2</v>
      </c>
      <c r="E16" s="5">
        <v>6.0000000000000001E-3</v>
      </c>
      <c r="F16" s="5">
        <v>1</v>
      </c>
      <c r="K16" s="9"/>
      <c r="L16" s="9"/>
      <c r="M16" s="9"/>
      <c r="N16" s="9"/>
      <c r="O16" s="9"/>
    </row>
    <row r="17" spans="1:15">
      <c r="A17" s="54" t="s">
        <v>118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3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51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72</v>
      </c>
      <c r="B3" s="53" t="s">
        <v>120</v>
      </c>
      <c r="C3" s="53"/>
      <c r="D3" s="53"/>
      <c r="E3" s="53"/>
      <c r="F3" s="2"/>
    </row>
    <row r="4" spans="1:13">
      <c r="A4" s="60"/>
      <c r="B4" s="3" t="s">
        <v>153</v>
      </c>
      <c r="C4" s="3" t="s">
        <v>155</v>
      </c>
      <c r="D4" s="3" t="s">
        <v>27</v>
      </c>
      <c r="E4" s="3" t="s">
        <v>28</v>
      </c>
    </row>
    <row r="5" spans="1:13">
      <c r="A5" s="56" t="s">
        <v>173</v>
      </c>
      <c r="B5" s="4">
        <v>1198</v>
      </c>
      <c r="C5" s="4">
        <v>619</v>
      </c>
      <c r="D5" s="4">
        <v>2</v>
      </c>
      <c r="E5" s="4">
        <v>1819</v>
      </c>
    </row>
    <row r="6" spans="1:13">
      <c r="A6" s="61"/>
      <c r="B6" s="5">
        <v>0.65900000000000003</v>
      </c>
      <c r="C6" s="5">
        <v>0.34</v>
      </c>
      <c r="D6" s="5">
        <v>1E-3</v>
      </c>
      <c r="E6" s="5">
        <v>1</v>
      </c>
    </row>
    <row r="7" spans="1:13">
      <c r="A7" s="56" t="s">
        <v>174</v>
      </c>
      <c r="B7" s="6">
        <v>834</v>
      </c>
      <c r="C7" s="6">
        <v>504</v>
      </c>
      <c r="D7" s="6">
        <v>6</v>
      </c>
      <c r="E7" s="4">
        <v>1344</v>
      </c>
    </row>
    <row r="8" spans="1:13">
      <c r="A8" s="57"/>
      <c r="B8" s="5">
        <v>0.621</v>
      </c>
      <c r="C8" s="5">
        <v>0.375</v>
      </c>
      <c r="D8" s="5">
        <v>4.0000000000000001E-3</v>
      </c>
      <c r="E8" s="5">
        <v>1</v>
      </c>
      <c r="J8" s="9"/>
      <c r="K8" s="9"/>
      <c r="L8" s="9"/>
      <c r="M8" s="9"/>
    </row>
    <row r="9" spans="1:13">
      <c r="A9" s="56" t="s">
        <v>175</v>
      </c>
      <c r="B9" s="6">
        <v>238</v>
      </c>
      <c r="C9" s="6">
        <v>180</v>
      </c>
      <c r="D9" s="6">
        <v>2</v>
      </c>
      <c r="E9" s="6">
        <v>420</v>
      </c>
    </row>
    <row r="10" spans="1:13">
      <c r="A10" s="57"/>
      <c r="B10" s="5">
        <v>0.56699999999999995</v>
      </c>
      <c r="C10" s="5">
        <v>0.42899999999999999</v>
      </c>
      <c r="D10" s="5">
        <v>5.0000000000000001E-3</v>
      </c>
      <c r="E10" s="5">
        <v>1</v>
      </c>
      <c r="J10" s="9"/>
      <c r="K10" s="9"/>
      <c r="L10" s="9"/>
      <c r="M10" s="9"/>
    </row>
    <row r="11" spans="1:13" ht="14.25" customHeight="1">
      <c r="A11" s="73" t="s">
        <v>176</v>
      </c>
      <c r="B11" s="6">
        <v>42</v>
      </c>
      <c r="C11" s="6">
        <v>51</v>
      </c>
      <c r="D11" s="6">
        <v>0</v>
      </c>
      <c r="E11" s="6">
        <v>93</v>
      </c>
    </row>
    <row r="12" spans="1:13">
      <c r="A12" s="74"/>
      <c r="B12" s="5">
        <v>0.45200000000000001</v>
      </c>
      <c r="C12" s="5">
        <v>0.54800000000000004</v>
      </c>
      <c r="D12" s="5">
        <v>0</v>
      </c>
      <c r="E12" s="5">
        <v>1</v>
      </c>
      <c r="J12" s="9"/>
      <c r="K12" s="9"/>
      <c r="L12" s="9"/>
      <c r="M12" s="9"/>
    </row>
    <row r="13" spans="1:13">
      <c r="A13" s="56" t="s">
        <v>171</v>
      </c>
      <c r="B13" s="6">
        <v>4</v>
      </c>
      <c r="C13" s="6">
        <v>5</v>
      </c>
      <c r="D13" s="6">
        <v>0</v>
      </c>
      <c r="E13" s="6">
        <v>9</v>
      </c>
    </row>
    <row r="14" spans="1:13">
      <c r="A14" s="57"/>
      <c r="B14" s="5">
        <v>0.44400000000000001</v>
      </c>
      <c r="C14" s="5">
        <v>0.55600000000000005</v>
      </c>
      <c r="D14" s="5">
        <v>0</v>
      </c>
      <c r="E14" s="5">
        <v>1</v>
      </c>
      <c r="J14" s="9"/>
      <c r="K14" s="9"/>
      <c r="L14" s="9"/>
      <c r="M14" s="9"/>
    </row>
    <row r="15" spans="1:13">
      <c r="A15" s="56" t="s">
        <v>29</v>
      </c>
      <c r="B15" s="4">
        <v>2316</v>
      </c>
      <c r="C15" s="4">
        <v>1359</v>
      </c>
      <c r="D15" s="4">
        <v>10</v>
      </c>
      <c r="E15" s="4">
        <v>3685</v>
      </c>
    </row>
    <row r="16" spans="1:13">
      <c r="A16" s="57"/>
      <c r="B16" s="5">
        <v>0.628</v>
      </c>
      <c r="C16" s="5">
        <v>0.36899999999999999</v>
      </c>
      <c r="D16" s="5">
        <v>3.0000000000000001E-3</v>
      </c>
      <c r="E16" s="5">
        <v>1</v>
      </c>
      <c r="J16" s="9"/>
      <c r="K16" s="9"/>
      <c r="L16" s="9"/>
      <c r="M16" s="9"/>
    </row>
    <row r="17" spans="1:13">
      <c r="A17" s="54" t="s">
        <v>121</v>
      </c>
      <c r="B17" s="54"/>
      <c r="C17" s="54"/>
      <c r="D17" s="54"/>
      <c r="E17" s="54"/>
    </row>
    <row r="18" spans="1:13">
      <c r="A18" s="55"/>
      <c r="B18" s="55"/>
      <c r="C18" s="55"/>
      <c r="D18" s="55"/>
      <c r="E18" s="55"/>
      <c r="J18" s="9"/>
      <c r="K18" s="9"/>
      <c r="L18" s="9"/>
      <c r="M18" s="9"/>
    </row>
    <row r="20" spans="1:13"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8">
      <c r="A1" s="1" t="s">
        <v>618</v>
      </c>
    </row>
    <row r="2" spans="1:8" ht="14.25" customHeight="1">
      <c r="A2" s="41" t="s">
        <v>812</v>
      </c>
      <c r="C2" s="7"/>
      <c r="D2" s="7"/>
      <c r="E2" s="7"/>
    </row>
    <row r="3" spans="1:8" ht="58.5" customHeight="1">
      <c r="A3" s="60" t="s">
        <v>172</v>
      </c>
      <c r="B3" s="62" t="s">
        <v>620</v>
      </c>
      <c r="C3" s="63"/>
      <c r="D3" s="62" t="s">
        <v>241</v>
      </c>
      <c r="E3" s="63"/>
      <c r="F3" s="62" t="s">
        <v>242</v>
      </c>
      <c r="G3" s="64"/>
    </row>
    <row r="4" spans="1:8">
      <c r="A4" s="60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8">
      <c r="A5" s="56" t="s">
        <v>173</v>
      </c>
      <c r="B5" s="4">
        <v>113</v>
      </c>
      <c r="C5" s="4">
        <v>1085</v>
      </c>
      <c r="D5" s="4">
        <v>935</v>
      </c>
      <c r="E5" s="4">
        <v>263</v>
      </c>
      <c r="F5" s="4">
        <v>410</v>
      </c>
      <c r="G5" s="4">
        <v>788</v>
      </c>
    </row>
    <row r="6" spans="1:8">
      <c r="A6" s="61"/>
      <c r="B6" s="5">
        <v>9.4E-2</v>
      </c>
      <c r="C6" s="5">
        <v>0.90600000000000003</v>
      </c>
      <c r="D6" s="5">
        <v>0.78</v>
      </c>
      <c r="E6" s="5">
        <v>0.22</v>
      </c>
      <c r="F6" s="5">
        <v>0.34200000000000003</v>
      </c>
      <c r="G6" s="5">
        <v>0.65800000000000003</v>
      </c>
      <c r="H6" s="9"/>
    </row>
    <row r="7" spans="1:8">
      <c r="A7" s="56" t="s">
        <v>174</v>
      </c>
      <c r="B7" s="6">
        <v>60</v>
      </c>
      <c r="C7" s="6">
        <v>774</v>
      </c>
      <c r="D7" s="6">
        <v>688</v>
      </c>
      <c r="E7" s="6">
        <v>146</v>
      </c>
      <c r="F7" s="6">
        <v>264</v>
      </c>
      <c r="G7" s="6">
        <v>570</v>
      </c>
    </row>
    <row r="8" spans="1:8">
      <c r="A8" s="57"/>
      <c r="B8" s="5">
        <v>7.1999999999999995E-2</v>
      </c>
      <c r="C8" s="5">
        <v>0.92800000000000005</v>
      </c>
      <c r="D8" s="5">
        <v>0.82499999999999996</v>
      </c>
      <c r="E8" s="5">
        <v>0.17499999999999999</v>
      </c>
      <c r="F8" s="5">
        <v>0.317</v>
      </c>
      <c r="G8" s="5">
        <v>0.68300000000000005</v>
      </c>
      <c r="H8" s="9"/>
    </row>
    <row r="9" spans="1:8">
      <c r="A9" s="56" t="s">
        <v>175</v>
      </c>
      <c r="B9" s="6">
        <v>8</v>
      </c>
      <c r="C9" s="6">
        <v>230</v>
      </c>
      <c r="D9" s="6">
        <v>199</v>
      </c>
      <c r="E9" s="6">
        <v>39</v>
      </c>
      <c r="F9" s="6">
        <v>72</v>
      </c>
      <c r="G9" s="6">
        <v>166</v>
      </c>
    </row>
    <row r="10" spans="1:8">
      <c r="A10" s="57"/>
      <c r="B10" s="5">
        <v>3.4000000000000002E-2</v>
      </c>
      <c r="C10" s="5">
        <v>0.96599999999999997</v>
      </c>
      <c r="D10" s="5">
        <v>0.83599999999999997</v>
      </c>
      <c r="E10" s="5">
        <v>0.16400000000000001</v>
      </c>
      <c r="F10" s="5">
        <v>0.30299999999999999</v>
      </c>
      <c r="G10" s="5">
        <v>0.69699999999999995</v>
      </c>
      <c r="H10" s="9"/>
    </row>
    <row r="11" spans="1:8" ht="14.25" customHeight="1">
      <c r="A11" s="73" t="s">
        <v>176</v>
      </c>
      <c r="B11" s="6">
        <v>2</v>
      </c>
      <c r="C11" s="6">
        <v>40</v>
      </c>
      <c r="D11" s="6">
        <v>30</v>
      </c>
      <c r="E11" s="6">
        <v>12</v>
      </c>
      <c r="F11" s="6">
        <v>10</v>
      </c>
      <c r="G11" s="6">
        <v>32</v>
      </c>
    </row>
    <row r="12" spans="1:8">
      <c r="A12" s="74"/>
      <c r="B12" s="5">
        <v>4.8000000000000001E-2</v>
      </c>
      <c r="C12" s="5">
        <v>0.95199999999999996</v>
      </c>
      <c r="D12" s="5">
        <v>0.71399999999999997</v>
      </c>
      <c r="E12" s="5">
        <v>0.28599999999999998</v>
      </c>
      <c r="F12" s="5">
        <v>0.23799999999999999</v>
      </c>
      <c r="G12" s="5">
        <v>0.76200000000000001</v>
      </c>
      <c r="H12" s="9"/>
    </row>
    <row r="13" spans="1:8">
      <c r="A13" s="56" t="s">
        <v>171</v>
      </c>
      <c r="B13" s="6">
        <v>0</v>
      </c>
      <c r="C13" s="6">
        <v>4</v>
      </c>
      <c r="D13" s="6">
        <v>3</v>
      </c>
      <c r="E13" s="6">
        <v>1</v>
      </c>
      <c r="F13" s="6">
        <v>1</v>
      </c>
      <c r="G13" s="6">
        <v>3</v>
      </c>
    </row>
    <row r="14" spans="1:8">
      <c r="A14" s="57"/>
      <c r="B14" s="5">
        <v>0</v>
      </c>
      <c r="C14" s="5">
        <v>1</v>
      </c>
      <c r="D14" s="5">
        <v>0.75</v>
      </c>
      <c r="E14" s="5">
        <v>0.25</v>
      </c>
      <c r="F14" s="5">
        <v>0.25</v>
      </c>
      <c r="G14" s="5">
        <v>0.75</v>
      </c>
      <c r="H14" s="9"/>
    </row>
    <row r="15" spans="1:8">
      <c r="A15" s="56" t="s">
        <v>29</v>
      </c>
      <c r="B15" s="4">
        <v>183</v>
      </c>
      <c r="C15" s="4">
        <v>2133</v>
      </c>
      <c r="D15" s="4">
        <v>1855</v>
      </c>
      <c r="E15" s="4">
        <v>461</v>
      </c>
      <c r="F15" s="4">
        <v>757</v>
      </c>
      <c r="G15" s="4">
        <v>1559</v>
      </c>
    </row>
    <row r="16" spans="1:8">
      <c r="A16" s="57"/>
      <c r="B16" s="5">
        <v>7.9000000000000001E-2</v>
      </c>
      <c r="C16" s="5">
        <v>0.92100000000000004</v>
      </c>
      <c r="D16" s="5">
        <v>0.80100000000000005</v>
      </c>
      <c r="E16" s="5">
        <v>0.19900000000000001</v>
      </c>
      <c r="F16" s="5">
        <v>0.32700000000000001</v>
      </c>
      <c r="G16" s="5">
        <v>0.67300000000000004</v>
      </c>
      <c r="H16" s="9"/>
    </row>
    <row r="18" spans="1:7" ht="30.75" customHeight="1">
      <c r="A18" s="60" t="s">
        <v>172</v>
      </c>
      <c r="B18" s="62" t="s">
        <v>243</v>
      </c>
      <c r="C18" s="63"/>
      <c r="D18" s="62" t="s">
        <v>244</v>
      </c>
      <c r="E18" s="63"/>
      <c r="F18" s="62" t="s">
        <v>245</v>
      </c>
      <c r="G18" s="64"/>
    </row>
    <row r="19" spans="1:7">
      <c r="A19" s="60"/>
      <c r="B19" s="8" t="s">
        <v>190</v>
      </c>
      <c r="C19" s="8" t="s">
        <v>191</v>
      </c>
      <c r="D19" s="8" t="s">
        <v>190</v>
      </c>
      <c r="E19" s="8" t="s">
        <v>191</v>
      </c>
      <c r="F19" s="8" t="s">
        <v>190</v>
      </c>
      <c r="G19" s="8" t="s">
        <v>191</v>
      </c>
    </row>
    <row r="20" spans="1:7">
      <c r="A20" s="56" t="s">
        <v>173</v>
      </c>
      <c r="B20" s="4">
        <v>755</v>
      </c>
      <c r="C20" s="4">
        <v>443</v>
      </c>
      <c r="D20" s="4">
        <v>19</v>
      </c>
      <c r="E20" s="4">
        <v>1179</v>
      </c>
      <c r="F20" s="4">
        <v>26</v>
      </c>
      <c r="G20" s="4">
        <v>1172</v>
      </c>
    </row>
    <row r="21" spans="1:7">
      <c r="A21" s="61"/>
      <c r="B21" s="5">
        <v>0.63</v>
      </c>
      <c r="C21" s="5">
        <v>0.37</v>
      </c>
      <c r="D21" s="5">
        <v>1.6E-2</v>
      </c>
      <c r="E21" s="5">
        <v>0.98399999999999999</v>
      </c>
      <c r="F21" s="5">
        <v>2.1999999999999999E-2</v>
      </c>
      <c r="G21" s="5">
        <v>0.97799999999999998</v>
      </c>
    </row>
    <row r="22" spans="1:7">
      <c r="A22" s="56" t="s">
        <v>174</v>
      </c>
      <c r="B22" s="6">
        <v>571</v>
      </c>
      <c r="C22" s="6">
        <v>263</v>
      </c>
      <c r="D22" s="4">
        <v>32</v>
      </c>
      <c r="E22" s="6">
        <v>802</v>
      </c>
      <c r="F22" s="6">
        <v>36</v>
      </c>
      <c r="G22" s="6">
        <v>798</v>
      </c>
    </row>
    <row r="23" spans="1:7">
      <c r="A23" s="57"/>
      <c r="B23" s="5">
        <v>0.68500000000000005</v>
      </c>
      <c r="C23" s="5">
        <v>0.315</v>
      </c>
      <c r="D23" s="5">
        <v>3.7999999999999999E-2</v>
      </c>
      <c r="E23" s="5">
        <v>0.96199999999999997</v>
      </c>
      <c r="F23" s="5">
        <v>4.2999999999999997E-2</v>
      </c>
      <c r="G23" s="5">
        <v>0.95699999999999996</v>
      </c>
    </row>
    <row r="24" spans="1:7">
      <c r="A24" s="56" t="s">
        <v>175</v>
      </c>
      <c r="B24" s="6">
        <v>177</v>
      </c>
      <c r="C24" s="6">
        <v>61</v>
      </c>
      <c r="D24" s="6">
        <v>12</v>
      </c>
      <c r="E24" s="6">
        <v>226</v>
      </c>
      <c r="F24" s="6">
        <v>22</v>
      </c>
      <c r="G24" s="6">
        <v>216</v>
      </c>
    </row>
    <row r="25" spans="1:7">
      <c r="A25" s="57"/>
      <c r="B25" s="5">
        <v>0.74399999999999999</v>
      </c>
      <c r="C25" s="5">
        <v>0.25600000000000001</v>
      </c>
      <c r="D25" s="5">
        <v>0.05</v>
      </c>
      <c r="E25" s="5">
        <v>0.95</v>
      </c>
      <c r="F25" s="5">
        <v>9.1999999999999998E-2</v>
      </c>
      <c r="G25" s="5">
        <v>0.90800000000000003</v>
      </c>
    </row>
    <row r="26" spans="1:7">
      <c r="A26" s="73" t="s">
        <v>176</v>
      </c>
      <c r="B26" s="6">
        <v>23</v>
      </c>
      <c r="C26" s="6">
        <v>19</v>
      </c>
      <c r="D26" s="6">
        <v>2</v>
      </c>
      <c r="E26" s="6">
        <v>40</v>
      </c>
      <c r="F26" s="6">
        <v>8</v>
      </c>
      <c r="G26" s="6">
        <v>34</v>
      </c>
    </row>
    <row r="27" spans="1:7">
      <c r="A27" s="74"/>
      <c r="B27" s="5">
        <v>0.54800000000000004</v>
      </c>
      <c r="C27" s="5">
        <v>0.45200000000000001</v>
      </c>
      <c r="D27" s="5">
        <v>4.8000000000000001E-2</v>
      </c>
      <c r="E27" s="5">
        <v>0.95199999999999996</v>
      </c>
      <c r="F27" s="5">
        <v>0.19</v>
      </c>
      <c r="G27" s="5">
        <v>0.81</v>
      </c>
    </row>
    <row r="28" spans="1:7">
      <c r="A28" s="56" t="s">
        <v>171</v>
      </c>
      <c r="B28" s="6">
        <v>2</v>
      </c>
      <c r="C28" s="6">
        <v>2</v>
      </c>
      <c r="D28" s="6">
        <v>0</v>
      </c>
      <c r="E28" s="6">
        <v>4</v>
      </c>
      <c r="F28" s="6">
        <v>1</v>
      </c>
      <c r="G28" s="6">
        <v>3</v>
      </c>
    </row>
    <row r="29" spans="1:7">
      <c r="A29" s="57"/>
      <c r="B29" s="5">
        <v>0.5</v>
      </c>
      <c r="C29" s="5">
        <v>0.5</v>
      </c>
      <c r="D29" s="5">
        <v>0</v>
      </c>
      <c r="E29" s="5">
        <v>1</v>
      </c>
      <c r="F29" s="5">
        <v>0.25</v>
      </c>
      <c r="G29" s="5">
        <v>0.75</v>
      </c>
    </row>
    <row r="30" spans="1:7">
      <c r="A30" s="56" t="s">
        <v>29</v>
      </c>
      <c r="B30" s="4">
        <v>1528</v>
      </c>
      <c r="C30" s="4">
        <v>788</v>
      </c>
      <c r="D30" s="4">
        <v>65</v>
      </c>
      <c r="E30" s="4">
        <v>2251</v>
      </c>
      <c r="F30" s="4">
        <v>93</v>
      </c>
      <c r="G30" s="4">
        <v>2223</v>
      </c>
    </row>
    <row r="31" spans="1:7">
      <c r="A31" s="57"/>
      <c r="B31" s="5">
        <v>0.66</v>
      </c>
      <c r="C31" s="5">
        <v>0.34</v>
      </c>
      <c r="D31" s="5">
        <v>2.8000000000000001E-2</v>
      </c>
      <c r="E31" s="5">
        <v>0.97199999999999998</v>
      </c>
      <c r="F31" s="5">
        <v>0.04</v>
      </c>
      <c r="G31" s="5">
        <v>0.96</v>
      </c>
    </row>
    <row r="33" spans="1:7" ht="45" customHeight="1">
      <c r="A33" s="60" t="s">
        <v>172</v>
      </c>
      <c r="B33" s="62" t="s">
        <v>617</v>
      </c>
      <c r="C33" s="63"/>
      <c r="D33" s="62" t="s">
        <v>247</v>
      </c>
      <c r="E33" s="63"/>
      <c r="F33" s="62" t="s">
        <v>248</v>
      </c>
      <c r="G33" s="64"/>
    </row>
    <row r="34" spans="1:7">
      <c r="A34" s="60"/>
      <c r="B34" s="8" t="s">
        <v>190</v>
      </c>
      <c r="C34" s="8" t="s">
        <v>191</v>
      </c>
      <c r="D34" s="8" t="s">
        <v>190</v>
      </c>
      <c r="E34" s="8" t="s">
        <v>191</v>
      </c>
      <c r="F34" s="8" t="s">
        <v>190</v>
      </c>
      <c r="G34" s="8" t="s">
        <v>191</v>
      </c>
    </row>
    <row r="35" spans="1:7">
      <c r="A35" s="56" t="s">
        <v>173</v>
      </c>
      <c r="B35" s="4">
        <v>64</v>
      </c>
      <c r="C35" s="4">
        <v>1134</v>
      </c>
      <c r="D35" s="4">
        <v>4</v>
      </c>
      <c r="E35" s="4">
        <v>1194</v>
      </c>
      <c r="F35" s="4">
        <v>29</v>
      </c>
      <c r="G35" s="4">
        <v>1169</v>
      </c>
    </row>
    <row r="36" spans="1:7">
      <c r="A36" s="61"/>
      <c r="B36" s="5">
        <v>5.2999999999999999E-2</v>
      </c>
      <c r="C36" s="5">
        <v>0.94699999999999995</v>
      </c>
      <c r="D36" s="5">
        <v>3.0000000000000001E-3</v>
      </c>
      <c r="E36" s="5">
        <v>0.997</v>
      </c>
      <c r="F36" s="5">
        <v>2.4E-2</v>
      </c>
      <c r="G36" s="5">
        <v>0.97599999999999998</v>
      </c>
    </row>
    <row r="37" spans="1:7">
      <c r="A37" s="56" t="s">
        <v>174</v>
      </c>
      <c r="B37" s="6">
        <v>34</v>
      </c>
      <c r="C37" s="6">
        <v>800</v>
      </c>
      <c r="D37" s="6">
        <v>1</v>
      </c>
      <c r="E37" s="6">
        <v>833</v>
      </c>
      <c r="F37" s="6">
        <v>10</v>
      </c>
      <c r="G37" s="6">
        <v>824</v>
      </c>
    </row>
    <row r="38" spans="1:7">
      <c r="A38" s="57"/>
      <c r="B38" s="5">
        <v>4.1000000000000002E-2</v>
      </c>
      <c r="C38" s="5">
        <v>0.95899999999999996</v>
      </c>
      <c r="D38" s="5">
        <v>1E-3</v>
      </c>
      <c r="E38" s="5">
        <v>0.999</v>
      </c>
      <c r="F38" s="5">
        <v>1.2E-2</v>
      </c>
      <c r="G38" s="5">
        <v>0.98799999999999999</v>
      </c>
    </row>
    <row r="39" spans="1:7">
      <c r="A39" s="56" t="s">
        <v>175</v>
      </c>
      <c r="B39" s="6">
        <v>13</v>
      </c>
      <c r="C39" s="6">
        <v>225</v>
      </c>
      <c r="D39" s="6">
        <v>0</v>
      </c>
      <c r="E39" s="6">
        <v>238</v>
      </c>
      <c r="F39" s="6">
        <v>3</v>
      </c>
      <c r="G39" s="6">
        <v>235</v>
      </c>
    </row>
    <row r="40" spans="1:7">
      <c r="A40" s="57"/>
      <c r="B40" s="5">
        <v>5.5E-2</v>
      </c>
      <c r="C40" s="5">
        <v>0.94499999999999995</v>
      </c>
      <c r="D40" s="5">
        <v>0</v>
      </c>
      <c r="E40" s="5">
        <v>1</v>
      </c>
      <c r="F40" s="5">
        <v>1.2999999999999999E-2</v>
      </c>
      <c r="G40" s="5">
        <v>0.98699999999999999</v>
      </c>
    </row>
    <row r="41" spans="1:7">
      <c r="A41" s="73" t="s">
        <v>176</v>
      </c>
      <c r="B41" s="6">
        <v>3</v>
      </c>
      <c r="C41" s="6">
        <v>39</v>
      </c>
      <c r="D41" s="6">
        <v>1</v>
      </c>
      <c r="E41" s="6">
        <v>41</v>
      </c>
      <c r="F41" s="6">
        <v>2</v>
      </c>
      <c r="G41" s="6">
        <v>40</v>
      </c>
    </row>
    <row r="42" spans="1:7">
      <c r="A42" s="74"/>
      <c r="B42" s="5">
        <v>7.0999999999999994E-2</v>
      </c>
      <c r="C42" s="5">
        <v>0.92900000000000005</v>
      </c>
      <c r="D42" s="5">
        <v>2.4E-2</v>
      </c>
      <c r="E42" s="5">
        <v>0.97599999999999998</v>
      </c>
      <c r="F42" s="5">
        <v>4.8000000000000001E-2</v>
      </c>
      <c r="G42" s="5">
        <v>0.95199999999999996</v>
      </c>
    </row>
    <row r="43" spans="1:7">
      <c r="A43" s="56" t="s">
        <v>171</v>
      </c>
      <c r="B43" s="6">
        <v>0</v>
      </c>
      <c r="C43" s="6">
        <v>4</v>
      </c>
      <c r="D43" s="6">
        <v>0</v>
      </c>
      <c r="E43" s="6">
        <v>4</v>
      </c>
      <c r="F43" s="6">
        <v>0</v>
      </c>
      <c r="G43" s="6">
        <v>4</v>
      </c>
    </row>
    <row r="44" spans="1:7">
      <c r="A44" s="57"/>
      <c r="B44" s="5">
        <v>0</v>
      </c>
      <c r="C44" s="5">
        <v>1</v>
      </c>
      <c r="D44" s="5">
        <v>0</v>
      </c>
      <c r="E44" s="5">
        <v>1</v>
      </c>
      <c r="F44" s="5">
        <v>0</v>
      </c>
      <c r="G44" s="5">
        <v>1</v>
      </c>
    </row>
    <row r="45" spans="1:7">
      <c r="A45" s="56" t="s">
        <v>29</v>
      </c>
      <c r="B45" s="4">
        <v>114</v>
      </c>
      <c r="C45" s="4">
        <v>2202</v>
      </c>
      <c r="D45" s="4">
        <v>6</v>
      </c>
      <c r="E45" s="4">
        <v>2310</v>
      </c>
      <c r="F45" s="4">
        <v>44</v>
      </c>
      <c r="G45" s="4">
        <v>2272</v>
      </c>
    </row>
    <row r="46" spans="1:7">
      <c r="A46" s="57"/>
      <c r="B46" s="5">
        <v>4.9000000000000002E-2</v>
      </c>
      <c r="C46" s="5">
        <v>0.95099999999999996</v>
      </c>
      <c r="D46" s="5">
        <v>3.0000000000000001E-3</v>
      </c>
      <c r="E46" s="5">
        <v>0.997</v>
      </c>
      <c r="F46" s="5">
        <v>1.9E-2</v>
      </c>
      <c r="G46" s="5">
        <v>0.98099999999999998</v>
      </c>
    </row>
    <row r="47" spans="1:7" ht="14.25" customHeight="1">
      <c r="A47" s="55" t="s">
        <v>615</v>
      </c>
      <c r="B47" s="55"/>
      <c r="C47" s="55"/>
      <c r="D47" s="55"/>
      <c r="E47" s="55"/>
      <c r="F47" s="55"/>
      <c r="G47" s="55"/>
    </row>
    <row r="48" spans="1:7">
      <c r="A48" s="55"/>
      <c r="B48" s="55"/>
      <c r="C48" s="55"/>
      <c r="D48" s="55"/>
      <c r="E48" s="55"/>
      <c r="F48" s="55"/>
      <c r="G48" s="55"/>
    </row>
  </sheetData>
  <mergeCells count="31">
    <mergeCell ref="B33:C33"/>
    <mergeCell ref="D33:E33"/>
    <mergeCell ref="F33:G33"/>
    <mergeCell ref="A47:G48"/>
    <mergeCell ref="A37:A38"/>
    <mergeCell ref="A39:A40"/>
    <mergeCell ref="A41:A42"/>
    <mergeCell ref="A43:A44"/>
    <mergeCell ref="A45:A46"/>
    <mergeCell ref="A33:A34"/>
    <mergeCell ref="D18:E18"/>
    <mergeCell ref="F18:G18"/>
    <mergeCell ref="A35:A36"/>
    <mergeCell ref="A3:A4"/>
    <mergeCell ref="B3:C3"/>
    <mergeCell ref="D3:E3"/>
    <mergeCell ref="F3:G3"/>
    <mergeCell ref="B18:C18"/>
    <mergeCell ref="A5:A6"/>
    <mergeCell ref="A7:A8"/>
    <mergeCell ref="A9:A10"/>
    <mergeCell ref="A11:A12"/>
    <mergeCell ref="A13:A14"/>
    <mergeCell ref="A15:A16"/>
    <mergeCell ref="A18:A19"/>
    <mergeCell ref="A30:A31"/>
    <mergeCell ref="A20:A21"/>
    <mergeCell ref="A22:A23"/>
    <mergeCell ref="A24:A25"/>
    <mergeCell ref="A26:A27"/>
    <mergeCell ref="A28:A29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4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52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72</v>
      </c>
      <c r="B3" s="53" t="s">
        <v>122</v>
      </c>
      <c r="C3" s="53"/>
      <c r="D3" s="53"/>
      <c r="E3" s="53"/>
      <c r="F3" s="2"/>
    </row>
    <row r="4" spans="1:13" ht="28.5">
      <c r="A4" s="60"/>
      <c r="B4" s="8" t="s">
        <v>553</v>
      </c>
      <c r="C4" s="8" t="s">
        <v>554</v>
      </c>
      <c r="D4" s="8" t="s">
        <v>27</v>
      </c>
      <c r="E4" s="8" t="s">
        <v>28</v>
      </c>
    </row>
    <row r="5" spans="1:13">
      <c r="A5" s="56" t="s">
        <v>173</v>
      </c>
      <c r="B5" s="4">
        <v>943</v>
      </c>
      <c r="C5" s="4">
        <v>870</v>
      </c>
      <c r="D5" s="4">
        <v>6</v>
      </c>
      <c r="E5" s="4">
        <v>1819</v>
      </c>
    </row>
    <row r="6" spans="1:13">
      <c r="A6" s="61"/>
      <c r="B6" s="5">
        <v>0.51800000000000002</v>
      </c>
      <c r="C6" s="5">
        <v>0.47799999999999998</v>
      </c>
      <c r="D6" s="5">
        <v>3.0000000000000001E-3</v>
      </c>
      <c r="E6" s="5">
        <v>1</v>
      </c>
    </row>
    <row r="7" spans="1:13">
      <c r="A7" s="56" t="s">
        <v>174</v>
      </c>
      <c r="B7" s="6">
        <v>787</v>
      </c>
      <c r="C7" s="6">
        <v>549</v>
      </c>
      <c r="D7" s="6">
        <v>8</v>
      </c>
      <c r="E7" s="4">
        <v>1344</v>
      </c>
    </row>
    <row r="8" spans="1:13">
      <c r="A8" s="57"/>
      <c r="B8" s="5">
        <v>0.58599999999999997</v>
      </c>
      <c r="C8" s="5">
        <v>0.40799999999999997</v>
      </c>
      <c r="D8" s="5">
        <v>6.0000000000000001E-3</v>
      </c>
      <c r="E8" s="5">
        <v>1</v>
      </c>
      <c r="J8" s="9"/>
      <c r="K8" s="9"/>
      <c r="L8" s="9"/>
      <c r="M8" s="9"/>
    </row>
    <row r="9" spans="1:13">
      <c r="A9" s="56" t="s">
        <v>175</v>
      </c>
      <c r="B9" s="6">
        <v>252</v>
      </c>
      <c r="C9" s="6">
        <v>167</v>
      </c>
      <c r="D9" s="6">
        <v>1</v>
      </c>
      <c r="E9" s="6">
        <v>420</v>
      </c>
    </row>
    <row r="10" spans="1:13">
      <c r="A10" s="57"/>
      <c r="B10" s="5">
        <v>0.6</v>
      </c>
      <c r="C10" s="5">
        <v>0.39800000000000002</v>
      </c>
      <c r="D10" s="5">
        <v>2E-3</v>
      </c>
      <c r="E10" s="5">
        <v>1</v>
      </c>
      <c r="J10" s="9"/>
      <c r="K10" s="9"/>
      <c r="L10" s="9"/>
      <c r="M10" s="9"/>
    </row>
    <row r="11" spans="1:13" ht="14.25" customHeight="1">
      <c r="A11" s="73" t="s">
        <v>176</v>
      </c>
      <c r="B11" s="6">
        <v>45</v>
      </c>
      <c r="C11" s="6">
        <v>48</v>
      </c>
      <c r="D11" s="6">
        <v>0</v>
      </c>
      <c r="E11" s="6">
        <v>93</v>
      </c>
    </row>
    <row r="12" spans="1:13">
      <c r="A12" s="74"/>
      <c r="B12" s="5">
        <v>0.48399999999999999</v>
      </c>
      <c r="C12" s="5">
        <v>0.51600000000000001</v>
      </c>
      <c r="D12" s="5">
        <v>0</v>
      </c>
      <c r="E12" s="5">
        <v>1</v>
      </c>
      <c r="J12" s="9"/>
      <c r="K12" s="9"/>
      <c r="L12" s="9"/>
      <c r="M12" s="9"/>
    </row>
    <row r="13" spans="1:13">
      <c r="A13" s="56" t="s">
        <v>171</v>
      </c>
      <c r="B13" s="6">
        <v>3</v>
      </c>
      <c r="C13" s="6">
        <v>6</v>
      </c>
      <c r="D13" s="6">
        <v>0</v>
      </c>
      <c r="E13" s="6">
        <v>9</v>
      </c>
    </row>
    <row r="14" spans="1:13">
      <c r="A14" s="57"/>
      <c r="B14" s="5">
        <v>0.33300000000000002</v>
      </c>
      <c r="C14" s="5">
        <v>0.66700000000000004</v>
      </c>
      <c r="D14" s="5">
        <v>0</v>
      </c>
      <c r="E14" s="5">
        <v>1</v>
      </c>
      <c r="J14" s="9"/>
      <c r="K14" s="9"/>
      <c r="L14" s="9"/>
      <c r="M14" s="9"/>
    </row>
    <row r="15" spans="1:13">
      <c r="A15" s="56" t="s">
        <v>29</v>
      </c>
      <c r="B15" s="4">
        <v>2030</v>
      </c>
      <c r="C15" s="4">
        <v>1640</v>
      </c>
      <c r="D15" s="4">
        <v>15</v>
      </c>
      <c r="E15" s="4">
        <v>3685</v>
      </c>
    </row>
    <row r="16" spans="1:13">
      <c r="A16" s="57"/>
      <c r="B16" s="5">
        <v>0.55100000000000005</v>
      </c>
      <c r="C16" s="5">
        <v>0.44500000000000001</v>
      </c>
      <c r="D16" s="5">
        <v>4.0000000000000001E-3</v>
      </c>
      <c r="E16" s="5">
        <v>1</v>
      </c>
      <c r="J16" s="9"/>
      <c r="K16" s="9"/>
      <c r="L16" s="9"/>
      <c r="M16" s="9"/>
    </row>
    <row r="17" spans="1:13">
      <c r="A17" s="54" t="s">
        <v>123</v>
      </c>
      <c r="B17" s="54"/>
      <c r="C17" s="54"/>
      <c r="D17" s="54"/>
      <c r="E17" s="54"/>
    </row>
    <row r="18" spans="1:13">
      <c r="A18" s="55"/>
      <c r="B18" s="55"/>
      <c r="C18" s="55"/>
      <c r="D18" s="55"/>
      <c r="E18" s="55"/>
      <c r="J18" s="9"/>
      <c r="K18" s="9"/>
      <c r="L18" s="9"/>
      <c r="M18" s="9"/>
    </row>
    <row r="20" spans="1:13"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5"/>
  <dimension ref="A1:Q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7">
      <c r="A1" s="1" t="s">
        <v>555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172</v>
      </c>
      <c r="B3" s="53" t="s">
        <v>126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556</v>
      </c>
      <c r="C4" s="8" t="s">
        <v>557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17">
      <c r="A5" s="56" t="s">
        <v>173</v>
      </c>
      <c r="B5" s="4">
        <v>342</v>
      </c>
      <c r="C5" s="4">
        <v>625</v>
      </c>
      <c r="D5" s="4">
        <v>517</v>
      </c>
      <c r="E5" s="4">
        <v>275</v>
      </c>
      <c r="F5" s="4">
        <v>60</v>
      </c>
      <c r="G5" s="4">
        <v>1819</v>
      </c>
    </row>
    <row r="6" spans="1:17">
      <c r="A6" s="61"/>
      <c r="B6" s="5">
        <v>0.188</v>
      </c>
      <c r="C6" s="5">
        <v>0.34399999999999997</v>
      </c>
      <c r="D6" s="5">
        <v>0.28399999999999997</v>
      </c>
      <c r="E6" s="5">
        <v>0.151</v>
      </c>
      <c r="F6" s="5">
        <v>3.3000000000000002E-2</v>
      </c>
      <c r="G6" s="5">
        <v>1</v>
      </c>
    </row>
    <row r="7" spans="1:17">
      <c r="A7" s="56" t="s">
        <v>174</v>
      </c>
      <c r="B7" s="6">
        <v>199</v>
      </c>
      <c r="C7" s="6">
        <v>454</v>
      </c>
      <c r="D7" s="6">
        <v>399</v>
      </c>
      <c r="E7" s="6">
        <v>253</v>
      </c>
      <c r="F7" s="6">
        <v>39</v>
      </c>
      <c r="G7" s="4">
        <v>1344</v>
      </c>
    </row>
    <row r="8" spans="1:17">
      <c r="A8" s="57"/>
      <c r="B8" s="5">
        <v>0.14799999999999999</v>
      </c>
      <c r="C8" s="5">
        <v>0.33800000000000002</v>
      </c>
      <c r="D8" s="5">
        <v>0.29699999999999999</v>
      </c>
      <c r="E8" s="5">
        <v>0.188</v>
      </c>
      <c r="F8" s="5">
        <v>2.9000000000000001E-2</v>
      </c>
      <c r="G8" s="5">
        <v>1</v>
      </c>
      <c r="L8" s="9"/>
      <c r="M8" s="9"/>
      <c r="N8" s="9"/>
      <c r="O8" s="9"/>
      <c r="P8" s="9"/>
      <c r="Q8" s="9"/>
    </row>
    <row r="9" spans="1:17">
      <c r="A9" s="56" t="s">
        <v>175</v>
      </c>
      <c r="B9" s="6">
        <v>42</v>
      </c>
      <c r="C9" s="6">
        <v>149</v>
      </c>
      <c r="D9" s="6">
        <v>130</v>
      </c>
      <c r="E9" s="6">
        <v>84</v>
      </c>
      <c r="F9" s="6">
        <v>15</v>
      </c>
      <c r="G9" s="6">
        <v>420</v>
      </c>
    </row>
    <row r="10" spans="1:17">
      <c r="A10" s="57"/>
      <c r="B10" s="5">
        <v>0.1</v>
      </c>
      <c r="C10" s="5">
        <v>0.35499999999999998</v>
      </c>
      <c r="D10" s="5">
        <v>0.31</v>
      </c>
      <c r="E10" s="5">
        <v>0.2</v>
      </c>
      <c r="F10" s="5">
        <v>3.5999999999999997E-2</v>
      </c>
      <c r="G10" s="5">
        <v>1</v>
      </c>
      <c r="L10" s="9"/>
      <c r="M10" s="9"/>
      <c r="N10" s="9"/>
      <c r="O10" s="9"/>
      <c r="P10" s="9"/>
      <c r="Q10" s="9"/>
    </row>
    <row r="11" spans="1:17" ht="14.25" customHeight="1">
      <c r="A11" s="73" t="s">
        <v>176</v>
      </c>
      <c r="B11" s="6">
        <v>11</v>
      </c>
      <c r="C11" s="6">
        <v>28</v>
      </c>
      <c r="D11" s="6">
        <v>30</v>
      </c>
      <c r="E11" s="6">
        <v>16</v>
      </c>
      <c r="F11" s="6">
        <v>8</v>
      </c>
      <c r="G11" s="6">
        <v>93</v>
      </c>
    </row>
    <row r="12" spans="1:17">
      <c r="A12" s="74"/>
      <c r="B12" s="5">
        <v>0.11799999999999999</v>
      </c>
      <c r="C12" s="5">
        <v>0.30099999999999999</v>
      </c>
      <c r="D12" s="5">
        <v>0.32300000000000001</v>
      </c>
      <c r="E12" s="5">
        <v>0.17199999999999999</v>
      </c>
      <c r="F12" s="5">
        <v>8.5999999999999993E-2</v>
      </c>
      <c r="G12" s="5">
        <v>1</v>
      </c>
      <c r="L12" s="9"/>
      <c r="M12" s="9"/>
      <c r="N12" s="9"/>
      <c r="O12" s="9"/>
      <c r="P12" s="9"/>
      <c r="Q12" s="9"/>
    </row>
    <row r="13" spans="1:17">
      <c r="A13" s="56" t="s">
        <v>171</v>
      </c>
      <c r="B13" s="6">
        <v>0</v>
      </c>
      <c r="C13" s="6">
        <v>3</v>
      </c>
      <c r="D13" s="6">
        <v>2</v>
      </c>
      <c r="E13" s="6">
        <v>3</v>
      </c>
      <c r="F13" s="6">
        <v>1</v>
      </c>
      <c r="G13" s="6">
        <v>9</v>
      </c>
    </row>
    <row r="14" spans="1:17">
      <c r="A14" s="57"/>
      <c r="B14" s="5">
        <v>0</v>
      </c>
      <c r="C14" s="5">
        <v>0.33300000000000002</v>
      </c>
      <c r="D14" s="5">
        <v>0.222</v>
      </c>
      <c r="E14" s="5">
        <v>0.33300000000000002</v>
      </c>
      <c r="F14" s="5">
        <v>0.111</v>
      </c>
      <c r="G14" s="5">
        <v>1</v>
      </c>
      <c r="L14" s="9"/>
      <c r="M14" s="9"/>
      <c r="N14" s="9"/>
      <c r="O14" s="9"/>
      <c r="P14" s="9"/>
      <c r="Q14" s="9"/>
    </row>
    <row r="15" spans="1:17">
      <c r="A15" s="56" t="s">
        <v>29</v>
      </c>
      <c r="B15" s="4">
        <v>594</v>
      </c>
      <c r="C15" s="4">
        <v>1259</v>
      </c>
      <c r="D15" s="4">
        <v>1078</v>
      </c>
      <c r="E15" s="4">
        <v>631</v>
      </c>
      <c r="F15" s="4">
        <v>123</v>
      </c>
      <c r="G15" s="4">
        <v>3685</v>
      </c>
    </row>
    <row r="16" spans="1:17">
      <c r="A16" s="57"/>
      <c r="B16" s="5">
        <v>0.161</v>
      </c>
      <c r="C16" s="5">
        <v>0.34200000000000003</v>
      </c>
      <c r="D16" s="5">
        <v>0.29299999999999998</v>
      </c>
      <c r="E16" s="5">
        <v>0.17100000000000001</v>
      </c>
      <c r="F16" s="5">
        <v>3.3000000000000002E-2</v>
      </c>
      <c r="G16" s="5">
        <v>1</v>
      </c>
      <c r="L16" s="9"/>
      <c r="M16" s="9"/>
      <c r="N16" s="9"/>
      <c r="O16" s="9"/>
      <c r="P16" s="9"/>
      <c r="Q16" s="9"/>
    </row>
    <row r="17" spans="1:17">
      <c r="A17" s="54" t="s">
        <v>127</v>
      </c>
      <c r="B17" s="54"/>
      <c r="C17" s="54"/>
      <c r="D17" s="54"/>
      <c r="E17" s="54"/>
      <c r="F17" s="54"/>
      <c r="G17" s="54"/>
    </row>
    <row r="18" spans="1:17">
      <c r="A18" s="55"/>
      <c r="B18" s="55"/>
      <c r="C18" s="55"/>
      <c r="D18" s="55"/>
      <c r="E18" s="55"/>
      <c r="F18" s="55"/>
      <c r="G18" s="55"/>
      <c r="L18" s="9"/>
      <c r="M18" s="9"/>
      <c r="N18" s="9"/>
      <c r="O18" s="9"/>
      <c r="P18" s="9"/>
      <c r="Q18" s="9"/>
    </row>
    <row r="20" spans="1:17">
      <c r="L20" s="9"/>
      <c r="M20" s="9"/>
      <c r="N20" s="9"/>
      <c r="O20" s="9"/>
      <c r="P20" s="9"/>
      <c r="Q20" s="9"/>
    </row>
    <row r="22" spans="1:17">
      <c r="L22" s="9"/>
      <c r="M22" s="9"/>
      <c r="N22" s="9"/>
      <c r="O22" s="9"/>
      <c r="P22" s="9"/>
      <c r="Q22" s="9"/>
    </row>
    <row r="24" spans="1:17">
      <c r="L24" s="9"/>
      <c r="M24" s="9"/>
      <c r="N24" s="9"/>
      <c r="O24" s="9"/>
      <c r="P24" s="9"/>
      <c r="Q24" s="9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6"/>
  <dimension ref="A1:O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58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2</v>
      </c>
      <c r="B3" s="53" t="s">
        <v>128</v>
      </c>
      <c r="C3" s="53"/>
      <c r="D3" s="53"/>
      <c r="E3" s="53"/>
      <c r="F3" s="53"/>
      <c r="G3" s="2"/>
    </row>
    <row r="4" spans="1:15" ht="28.5">
      <c r="A4" s="60"/>
      <c r="B4" s="8" t="s">
        <v>153</v>
      </c>
      <c r="C4" s="8" t="s">
        <v>155</v>
      </c>
      <c r="D4" s="8" t="s">
        <v>559</v>
      </c>
      <c r="E4" s="8" t="s">
        <v>42</v>
      </c>
      <c r="F4" s="8" t="s">
        <v>29</v>
      </c>
    </row>
    <row r="5" spans="1:15">
      <c r="A5" s="56" t="s">
        <v>173</v>
      </c>
      <c r="B5" s="4">
        <v>53</v>
      </c>
      <c r="C5" s="4">
        <v>1411</v>
      </c>
      <c r="D5" s="4">
        <v>353</v>
      </c>
      <c r="E5" s="4">
        <v>2</v>
      </c>
      <c r="F5" s="4">
        <v>1819</v>
      </c>
    </row>
    <row r="6" spans="1:15">
      <c r="A6" s="61"/>
      <c r="B6" s="5">
        <v>2.9000000000000001E-2</v>
      </c>
      <c r="C6" s="5">
        <v>0.77600000000000002</v>
      </c>
      <c r="D6" s="5">
        <v>0.19400000000000001</v>
      </c>
      <c r="E6" s="5">
        <v>1E-3</v>
      </c>
      <c r="F6" s="5">
        <v>1</v>
      </c>
    </row>
    <row r="7" spans="1:15">
      <c r="A7" s="56" t="s">
        <v>174</v>
      </c>
      <c r="B7" s="4">
        <v>75</v>
      </c>
      <c r="C7" s="4">
        <v>1055</v>
      </c>
      <c r="D7" s="4">
        <v>211</v>
      </c>
      <c r="E7" s="4">
        <v>3</v>
      </c>
      <c r="F7" s="4">
        <v>1344</v>
      </c>
      <c r="K7" s="9"/>
      <c r="L7" s="9"/>
      <c r="M7" s="9"/>
      <c r="N7" s="9"/>
      <c r="O7" s="9"/>
    </row>
    <row r="8" spans="1:15">
      <c r="A8" s="57"/>
      <c r="B8" s="5">
        <v>5.6000000000000001E-2</v>
      </c>
      <c r="C8" s="5">
        <v>0.78500000000000003</v>
      </c>
      <c r="D8" s="5">
        <v>0.157</v>
      </c>
      <c r="E8" s="5">
        <v>2E-3</v>
      </c>
      <c r="F8" s="5">
        <v>1</v>
      </c>
    </row>
    <row r="9" spans="1:15">
      <c r="A9" s="56" t="s">
        <v>175</v>
      </c>
      <c r="B9" s="6">
        <v>45</v>
      </c>
      <c r="C9" s="6">
        <v>296</v>
      </c>
      <c r="D9" s="6">
        <v>78</v>
      </c>
      <c r="E9" s="6">
        <v>1</v>
      </c>
      <c r="F9" s="6">
        <v>420</v>
      </c>
      <c r="K9" s="9"/>
      <c r="L9" s="9"/>
      <c r="M9" s="9"/>
      <c r="N9" s="9"/>
      <c r="O9" s="9"/>
    </row>
    <row r="10" spans="1:15">
      <c r="A10" s="57"/>
      <c r="B10" s="5">
        <v>0.107</v>
      </c>
      <c r="C10" s="5">
        <v>0.70499999999999996</v>
      </c>
      <c r="D10" s="5">
        <v>0.186</v>
      </c>
      <c r="E10" s="5">
        <v>2E-3</v>
      </c>
      <c r="F10" s="5">
        <v>1</v>
      </c>
    </row>
    <row r="11" spans="1:15" ht="14.25" customHeight="1">
      <c r="A11" s="73" t="s">
        <v>176</v>
      </c>
      <c r="B11" s="6">
        <v>12</v>
      </c>
      <c r="C11" s="6">
        <v>52</v>
      </c>
      <c r="D11" s="6">
        <v>29</v>
      </c>
      <c r="E11" s="6">
        <v>0</v>
      </c>
      <c r="F11" s="6">
        <v>93</v>
      </c>
      <c r="K11" s="9"/>
      <c r="L11" s="9"/>
      <c r="M11" s="9"/>
      <c r="N11" s="9"/>
      <c r="O11" s="9"/>
    </row>
    <row r="12" spans="1:15">
      <c r="A12" s="74"/>
      <c r="B12" s="5">
        <v>0.129</v>
      </c>
      <c r="C12" s="5">
        <v>0.55900000000000005</v>
      </c>
      <c r="D12" s="5">
        <v>0.312</v>
      </c>
      <c r="E12" s="5">
        <v>0</v>
      </c>
      <c r="F12" s="5">
        <v>1</v>
      </c>
    </row>
    <row r="13" spans="1:15">
      <c r="A13" s="56" t="s">
        <v>171</v>
      </c>
      <c r="B13" s="6">
        <v>1</v>
      </c>
      <c r="C13" s="6">
        <v>7</v>
      </c>
      <c r="D13" s="6">
        <v>1</v>
      </c>
      <c r="E13" s="6">
        <v>0</v>
      </c>
      <c r="F13" s="6">
        <v>9</v>
      </c>
      <c r="K13" s="9"/>
      <c r="L13" s="9"/>
      <c r="M13" s="9"/>
      <c r="N13" s="9"/>
      <c r="O13" s="9"/>
    </row>
    <row r="14" spans="1:15">
      <c r="A14" s="57"/>
      <c r="B14" s="5">
        <v>0.111</v>
      </c>
      <c r="C14" s="5">
        <v>0.77800000000000002</v>
      </c>
      <c r="D14" s="5">
        <v>0.111</v>
      </c>
      <c r="E14" s="5">
        <v>0</v>
      </c>
      <c r="F14" s="5">
        <v>1</v>
      </c>
    </row>
    <row r="15" spans="1:15">
      <c r="A15" s="56" t="s">
        <v>29</v>
      </c>
      <c r="B15" s="4">
        <v>186</v>
      </c>
      <c r="C15" s="4">
        <v>2821</v>
      </c>
      <c r="D15" s="4">
        <v>672</v>
      </c>
      <c r="E15" s="4">
        <v>6</v>
      </c>
      <c r="F15" s="4">
        <v>3685</v>
      </c>
      <c r="K15" s="9"/>
      <c r="L15" s="9"/>
      <c r="M15" s="9"/>
      <c r="N15" s="9"/>
      <c r="O15" s="9"/>
    </row>
    <row r="16" spans="1:15">
      <c r="A16" s="57"/>
      <c r="B16" s="5">
        <v>0.05</v>
      </c>
      <c r="C16" s="5">
        <v>0.76600000000000001</v>
      </c>
      <c r="D16" s="5">
        <v>0.182</v>
      </c>
      <c r="E16" s="5">
        <v>2E-3</v>
      </c>
      <c r="F16" s="5">
        <v>1</v>
      </c>
    </row>
    <row r="17" spans="1:15">
      <c r="A17" s="54" t="s">
        <v>129</v>
      </c>
      <c r="B17" s="54"/>
      <c r="C17" s="54"/>
      <c r="D17" s="54"/>
      <c r="E17" s="54"/>
      <c r="F17" s="54"/>
      <c r="K17" s="9"/>
      <c r="L17" s="9"/>
      <c r="M17" s="9"/>
      <c r="N17" s="9"/>
      <c r="O17" s="9"/>
    </row>
    <row r="18" spans="1:15">
      <c r="A18" s="55"/>
      <c r="B18" s="55"/>
      <c r="C18" s="55"/>
      <c r="D18" s="55"/>
      <c r="E18" s="55"/>
      <c r="F18" s="55"/>
    </row>
    <row r="19" spans="1:15">
      <c r="K19" s="9"/>
      <c r="L19" s="9"/>
      <c r="M19" s="9"/>
      <c r="N19" s="9"/>
      <c r="O19" s="9"/>
    </row>
    <row r="21" spans="1:15">
      <c r="K21" s="9"/>
      <c r="L21" s="9"/>
      <c r="M21" s="9"/>
      <c r="N21" s="9"/>
      <c r="O21" s="9"/>
    </row>
    <row r="23" spans="1:15">
      <c r="K23" s="9"/>
      <c r="L23" s="9"/>
      <c r="M23" s="9"/>
      <c r="N23" s="9"/>
      <c r="O23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7"/>
  <dimension ref="A1:Q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7">
      <c r="A1" s="1" t="s">
        <v>560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172</v>
      </c>
      <c r="B3" s="53" t="s">
        <v>130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165</v>
      </c>
      <c r="C4" s="8" t="s">
        <v>166</v>
      </c>
      <c r="D4" s="8" t="s">
        <v>167</v>
      </c>
      <c r="E4" s="8" t="s">
        <v>559</v>
      </c>
      <c r="F4" s="8" t="s">
        <v>42</v>
      </c>
      <c r="G4" s="8" t="s">
        <v>29</v>
      </c>
    </row>
    <row r="5" spans="1:17">
      <c r="A5" s="56" t="s">
        <v>173</v>
      </c>
      <c r="B5" s="4">
        <v>40</v>
      </c>
      <c r="C5" s="4">
        <v>5</v>
      </c>
      <c r="D5" s="4">
        <v>3</v>
      </c>
      <c r="E5" s="4">
        <v>3</v>
      </c>
      <c r="F5" s="4">
        <v>2</v>
      </c>
      <c r="G5" s="4">
        <v>53</v>
      </c>
    </row>
    <row r="6" spans="1:17">
      <c r="A6" s="61"/>
      <c r="B6" s="5">
        <v>0.755</v>
      </c>
      <c r="C6" s="5">
        <v>9.4E-2</v>
      </c>
      <c r="D6" s="5">
        <v>5.7000000000000002E-2</v>
      </c>
      <c r="E6" s="5">
        <v>5.7000000000000002E-2</v>
      </c>
      <c r="F6" s="5">
        <v>3.7999999999999999E-2</v>
      </c>
      <c r="G6" s="5">
        <v>1</v>
      </c>
    </row>
    <row r="7" spans="1:17">
      <c r="A7" s="56" t="s">
        <v>174</v>
      </c>
      <c r="B7" s="6">
        <v>46</v>
      </c>
      <c r="C7" s="6">
        <v>18</v>
      </c>
      <c r="D7" s="6">
        <v>3</v>
      </c>
      <c r="E7" s="6">
        <v>5</v>
      </c>
      <c r="F7" s="6">
        <v>3</v>
      </c>
      <c r="G7" s="4">
        <v>75</v>
      </c>
      <c r="L7" s="9"/>
      <c r="M7" s="9"/>
      <c r="N7" s="9"/>
      <c r="O7" s="9"/>
      <c r="P7" s="9"/>
      <c r="Q7" s="9"/>
    </row>
    <row r="8" spans="1:17">
      <c r="A8" s="57"/>
      <c r="B8" s="5">
        <v>0.61299999999999999</v>
      </c>
      <c r="C8" s="5">
        <v>0.24</v>
      </c>
      <c r="D8" s="5">
        <v>0.04</v>
      </c>
      <c r="E8" s="5">
        <v>6.7000000000000004E-2</v>
      </c>
      <c r="F8" s="5">
        <v>0.04</v>
      </c>
      <c r="G8" s="5">
        <v>1</v>
      </c>
    </row>
    <row r="9" spans="1:17">
      <c r="A9" s="56" t="s">
        <v>175</v>
      </c>
      <c r="B9" s="6">
        <v>27</v>
      </c>
      <c r="C9" s="6">
        <v>9</v>
      </c>
      <c r="D9" s="6">
        <v>3</v>
      </c>
      <c r="E9" s="6">
        <v>4</v>
      </c>
      <c r="F9" s="6">
        <v>2</v>
      </c>
      <c r="G9" s="6">
        <v>45</v>
      </c>
      <c r="L9" s="9"/>
      <c r="M9" s="9"/>
      <c r="N9" s="9"/>
      <c r="O9" s="9"/>
      <c r="P9" s="9"/>
      <c r="Q9" s="9"/>
    </row>
    <row r="10" spans="1:17">
      <c r="A10" s="57"/>
      <c r="B10" s="5">
        <v>0.6</v>
      </c>
      <c r="C10" s="5">
        <v>0.2</v>
      </c>
      <c r="D10" s="5">
        <v>6.7000000000000004E-2</v>
      </c>
      <c r="E10" s="5">
        <v>8.8999999999999996E-2</v>
      </c>
      <c r="F10" s="5">
        <v>4.3999999999999997E-2</v>
      </c>
      <c r="G10" s="5">
        <v>1</v>
      </c>
    </row>
    <row r="11" spans="1:17" ht="14.25" customHeight="1">
      <c r="A11" s="73" t="s">
        <v>176</v>
      </c>
      <c r="B11" s="6">
        <v>6</v>
      </c>
      <c r="C11" s="6">
        <v>5</v>
      </c>
      <c r="D11" s="6">
        <v>1</v>
      </c>
      <c r="E11" s="6">
        <v>0</v>
      </c>
      <c r="F11" s="6">
        <v>0</v>
      </c>
      <c r="G11" s="6">
        <v>12</v>
      </c>
      <c r="L11" s="9"/>
      <c r="M11" s="9"/>
      <c r="N11" s="9"/>
      <c r="O11" s="9"/>
      <c r="P11" s="9"/>
      <c r="Q11" s="9"/>
    </row>
    <row r="12" spans="1:17">
      <c r="A12" s="74"/>
      <c r="B12" s="5">
        <v>0.5</v>
      </c>
      <c r="C12" s="5">
        <v>0.41699999999999998</v>
      </c>
      <c r="D12" s="5">
        <v>8.3000000000000004E-2</v>
      </c>
      <c r="E12" s="5">
        <v>0</v>
      </c>
      <c r="F12" s="5">
        <v>0</v>
      </c>
      <c r="G12" s="5">
        <v>1</v>
      </c>
    </row>
    <row r="13" spans="1:17">
      <c r="A13" s="56" t="s">
        <v>171</v>
      </c>
      <c r="B13" s="6">
        <v>1</v>
      </c>
      <c r="C13" s="6">
        <v>0</v>
      </c>
      <c r="D13" s="6">
        <v>0</v>
      </c>
      <c r="E13" s="6">
        <v>0</v>
      </c>
      <c r="F13" s="6">
        <v>0</v>
      </c>
      <c r="G13" s="6">
        <v>1</v>
      </c>
      <c r="L13" s="9"/>
      <c r="M13" s="9"/>
      <c r="N13" s="9"/>
      <c r="O13" s="9"/>
      <c r="P13" s="9"/>
      <c r="Q13" s="9"/>
    </row>
    <row r="14" spans="1:17">
      <c r="A14" s="57"/>
      <c r="B14" s="5">
        <v>1</v>
      </c>
      <c r="C14" s="5">
        <v>0</v>
      </c>
      <c r="D14" s="5">
        <v>0</v>
      </c>
      <c r="E14" s="5">
        <v>0</v>
      </c>
      <c r="F14" s="5">
        <v>0</v>
      </c>
      <c r="G14" s="5">
        <v>1</v>
      </c>
    </row>
    <row r="15" spans="1:17">
      <c r="A15" s="56" t="s">
        <v>29</v>
      </c>
      <c r="B15" s="6">
        <v>120</v>
      </c>
      <c r="C15" s="6">
        <v>37</v>
      </c>
      <c r="D15" s="6">
        <v>10</v>
      </c>
      <c r="E15" s="6">
        <v>12</v>
      </c>
      <c r="F15" s="6">
        <v>7</v>
      </c>
      <c r="G15" s="6">
        <v>186</v>
      </c>
      <c r="L15" s="9"/>
      <c r="M15" s="9"/>
      <c r="N15" s="9"/>
      <c r="O15" s="9"/>
      <c r="P15" s="9"/>
      <c r="Q15" s="9"/>
    </row>
    <row r="16" spans="1:17">
      <c r="A16" s="57"/>
      <c r="B16" s="5">
        <v>0.64500000000000002</v>
      </c>
      <c r="C16" s="5">
        <v>0.19900000000000001</v>
      </c>
      <c r="D16" s="5">
        <v>5.3999999999999999E-2</v>
      </c>
      <c r="E16" s="5">
        <v>6.5000000000000002E-2</v>
      </c>
      <c r="F16" s="5">
        <v>3.7999999999999999E-2</v>
      </c>
      <c r="G16" s="5">
        <v>1</v>
      </c>
    </row>
    <row r="17" spans="1:17">
      <c r="A17" s="54" t="s">
        <v>131</v>
      </c>
      <c r="B17" s="54"/>
      <c r="C17" s="54"/>
      <c r="D17" s="54"/>
      <c r="E17" s="54"/>
      <c r="F17" s="54"/>
      <c r="G17" s="54"/>
      <c r="L17" s="9"/>
      <c r="M17" s="9"/>
      <c r="N17" s="9"/>
      <c r="O17" s="9"/>
      <c r="P17" s="9"/>
      <c r="Q17" s="9"/>
    </row>
    <row r="18" spans="1:17">
      <c r="A18" s="55"/>
      <c r="B18" s="55"/>
      <c r="C18" s="55"/>
      <c r="D18" s="55"/>
      <c r="E18" s="55"/>
      <c r="F18" s="55"/>
      <c r="G18" s="55"/>
    </row>
    <row r="19" spans="1:17">
      <c r="L19" s="9"/>
      <c r="M19" s="9"/>
      <c r="N19" s="9"/>
      <c r="O19" s="9"/>
      <c r="P19" s="9"/>
      <c r="Q19" s="9"/>
    </row>
    <row r="21" spans="1:17">
      <c r="L21" s="9"/>
      <c r="M21" s="9"/>
      <c r="N21" s="9"/>
      <c r="O21" s="9"/>
      <c r="P21" s="9"/>
      <c r="Q21" s="9"/>
    </row>
    <row r="23" spans="1:17">
      <c r="L23" s="9"/>
      <c r="M23" s="9"/>
      <c r="N23" s="9"/>
      <c r="O23" s="9"/>
      <c r="P23" s="9"/>
      <c r="Q23" s="9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24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26</v>
      </c>
      <c r="B3" s="53" t="s">
        <v>104</v>
      </c>
      <c r="C3" s="53"/>
      <c r="D3" s="53"/>
      <c r="E3" s="53"/>
      <c r="F3" s="2"/>
    </row>
    <row r="4" spans="1:13">
      <c r="A4" s="60"/>
      <c r="B4" s="8" t="s">
        <v>142</v>
      </c>
      <c r="C4" s="8" t="s">
        <v>150</v>
      </c>
      <c r="D4" s="8" t="s">
        <v>42</v>
      </c>
      <c r="E4" s="8" t="s">
        <v>29</v>
      </c>
    </row>
    <row r="5" spans="1:13">
      <c r="A5" s="56" t="s">
        <v>30</v>
      </c>
      <c r="B5" s="4">
        <v>552</v>
      </c>
      <c r="C5" s="4">
        <v>23</v>
      </c>
      <c r="D5" s="4">
        <v>24</v>
      </c>
      <c r="E5" s="4">
        <v>599</v>
      </c>
    </row>
    <row r="6" spans="1:13">
      <c r="A6" s="61"/>
      <c r="B6" s="5">
        <v>0.92200000000000004</v>
      </c>
      <c r="C6" s="5">
        <v>3.7999999999999999E-2</v>
      </c>
      <c r="D6" s="5">
        <v>0.04</v>
      </c>
      <c r="E6" s="5">
        <v>1</v>
      </c>
    </row>
    <row r="7" spans="1:13">
      <c r="A7" s="56" t="s">
        <v>31</v>
      </c>
      <c r="B7" s="6">
        <v>317</v>
      </c>
      <c r="C7" s="6">
        <v>22</v>
      </c>
      <c r="D7" s="6">
        <v>19</v>
      </c>
      <c r="E7" s="4">
        <v>358</v>
      </c>
      <c r="J7" s="9"/>
      <c r="K7" s="9"/>
      <c r="L7" s="9"/>
      <c r="M7" s="9"/>
    </row>
    <row r="8" spans="1:13">
      <c r="A8" s="57"/>
      <c r="B8" s="5">
        <v>0.88500000000000001</v>
      </c>
      <c r="C8" s="5">
        <v>6.0999999999999999E-2</v>
      </c>
      <c r="D8" s="5">
        <v>5.2999999999999999E-2</v>
      </c>
      <c r="E8" s="5">
        <v>1</v>
      </c>
    </row>
    <row r="9" spans="1:13">
      <c r="A9" s="56" t="s">
        <v>32</v>
      </c>
      <c r="B9" s="6">
        <v>95</v>
      </c>
      <c r="C9" s="6">
        <v>10</v>
      </c>
      <c r="D9" s="6">
        <v>7</v>
      </c>
      <c r="E9" s="6">
        <v>112</v>
      </c>
      <c r="J9" s="9"/>
      <c r="K9" s="9"/>
      <c r="L9" s="9"/>
      <c r="M9" s="9"/>
    </row>
    <row r="10" spans="1:13">
      <c r="A10" s="57"/>
      <c r="B10" s="5">
        <v>0.84799999999999998</v>
      </c>
      <c r="C10" s="5">
        <v>8.8999999999999996E-2</v>
      </c>
      <c r="D10" s="5">
        <v>6.3E-2</v>
      </c>
      <c r="E10" s="5">
        <v>1</v>
      </c>
    </row>
    <row r="11" spans="1:13" ht="14.25" customHeight="1">
      <c r="A11" s="58" t="s">
        <v>38</v>
      </c>
      <c r="B11" s="6">
        <v>87</v>
      </c>
      <c r="C11" s="6">
        <v>5</v>
      </c>
      <c r="D11" s="6">
        <v>7</v>
      </c>
      <c r="E11" s="6">
        <v>99</v>
      </c>
      <c r="J11" s="9"/>
      <c r="K11" s="9"/>
      <c r="L11" s="9"/>
      <c r="M11" s="9"/>
    </row>
    <row r="12" spans="1:13">
      <c r="A12" s="59"/>
      <c r="B12" s="5">
        <v>0.879</v>
      </c>
      <c r="C12" s="5">
        <v>5.0999999999999997E-2</v>
      </c>
      <c r="D12" s="5">
        <v>7.0999999999999994E-2</v>
      </c>
      <c r="E12" s="5">
        <v>1</v>
      </c>
    </row>
    <row r="13" spans="1:13">
      <c r="A13" s="56" t="s">
        <v>33</v>
      </c>
      <c r="B13" s="6">
        <v>127</v>
      </c>
      <c r="C13" s="6">
        <v>8</v>
      </c>
      <c r="D13" s="6">
        <v>7</v>
      </c>
      <c r="E13" s="6">
        <v>142</v>
      </c>
      <c r="J13" s="9"/>
      <c r="K13" s="9"/>
      <c r="L13" s="9"/>
      <c r="M13" s="9"/>
    </row>
    <row r="14" spans="1:13">
      <c r="A14" s="57"/>
      <c r="B14" s="5">
        <v>0.89400000000000002</v>
      </c>
      <c r="C14" s="5">
        <v>5.6000000000000001E-2</v>
      </c>
      <c r="D14" s="5">
        <v>4.9000000000000002E-2</v>
      </c>
      <c r="E14" s="5">
        <v>1</v>
      </c>
    </row>
    <row r="15" spans="1:13">
      <c r="A15" s="56" t="s">
        <v>34</v>
      </c>
      <c r="B15" s="6">
        <v>117</v>
      </c>
      <c r="C15" s="6">
        <v>4</v>
      </c>
      <c r="D15" s="6">
        <v>8</v>
      </c>
      <c r="E15" s="6">
        <v>129</v>
      </c>
      <c r="J15" s="9"/>
      <c r="K15" s="9"/>
      <c r="L15" s="9"/>
      <c r="M15" s="9"/>
    </row>
    <row r="16" spans="1:13">
      <c r="A16" s="57"/>
      <c r="B16" s="5">
        <v>0.90700000000000003</v>
      </c>
      <c r="C16" s="5">
        <v>3.1E-2</v>
      </c>
      <c r="D16" s="5">
        <v>6.2E-2</v>
      </c>
      <c r="E16" s="5">
        <v>1</v>
      </c>
    </row>
    <row r="17" spans="1:13">
      <c r="A17" s="56" t="s">
        <v>35</v>
      </c>
      <c r="B17" s="6">
        <v>158</v>
      </c>
      <c r="C17" s="6">
        <v>6</v>
      </c>
      <c r="D17" s="6">
        <v>3</v>
      </c>
      <c r="E17" s="6">
        <v>167</v>
      </c>
      <c r="J17" s="9"/>
      <c r="K17" s="9"/>
      <c r="L17" s="9"/>
      <c r="M17" s="9"/>
    </row>
    <row r="18" spans="1:13">
      <c r="A18" s="57"/>
      <c r="B18" s="5">
        <v>0.94599999999999995</v>
      </c>
      <c r="C18" s="5">
        <v>3.5999999999999997E-2</v>
      </c>
      <c r="D18" s="5">
        <v>1.7999999999999999E-2</v>
      </c>
      <c r="E18" s="5">
        <v>1</v>
      </c>
    </row>
    <row r="19" spans="1:13">
      <c r="A19" s="56" t="s">
        <v>36</v>
      </c>
      <c r="B19" s="6">
        <v>61</v>
      </c>
      <c r="C19" s="6">
        <v>4</v>
      </c>
      <c r="D19" s="6">
        <v>2</v>
      </c>
      <c r="E19" s="6">
        <v>67</v>
      </c>
      <c r="J19" s="9"/>
      <c r="K19" s="9"/>
      <c r="L19" s="9"/>
      <c r="M19" s="9"/>
    </row>
    <row r="20" spans="1:13">
      <c r="A20" s="57"/>
      <c r="B20" s="5">
        <v>0.91</v>
      </c>
      <c r="C20" s="5">
        <v>0.06</v>
      </c>
      <c r="D20" s="5">
        <v>0.03</v>
      </c>
      <c r="E20" s="5">
        <v>1</v>
      </c>
    </row>
    <row r="21" spans="1:13">
      <c r="A21" s="56" t="s">
        <v>29</v>
      </c>
      <c r="B21" s="4">
        <v>1514</v>
      </c>
      <c r="C21" s="4">
        <v>82</v>
      </c>
      <c r="D21" s="4">
        <v>77</v>
      </c>
      <c r="E21" s="4">
        <v>1673</v>
      </c>
      <c r="J21" s="9"/>
      <c r="K21" s="9"/>
      <c r="L21" s="9"/>
      <c r="M21" s="9"/>
    </row>
    <row r="22" spans="1:13">
      <c r="A22" s="57"/>
      <c r="B22" s="5">
        <v>0.90500000000000003</v>
      </c>
      <c r="C22" s="5">
        <v>4.9000000000000002E-2</v>
      </c>
      <c r="D22" s="5">
        <v>4.5999999999999999E-2</v>
      </c>
      <c r="E22" s="5">
        <v>1</v>
      </c>
    </row>
    <row r="23" spans="1:13">
      <c r="A23" s="54" t="s">
        <v>518</v>
      </c>
      <c r="B23" s="54"/>
      <c r="C23" s="54"/>
      <c r="D23" s="54"/>
      <c r="E23" s="54"/>
      <c r="J23" s="9"/>
      <c r="K23" s="9"/>
      <c r="L23" s="9"/>
      <c r="M23" s="9"/>
    </row>
    <row r="24" spans="1:13">
      <c r="A24" s="55"/>
      <c r="B24" s="55"/>
      <c r="C24" s="55"/>
      <c r="D24" s="55"/>
      <c r="E24" s="55"/>
    </row>
  </sheetData>
  <mergeCells count="12">
    <mergeCell ref="A23:E24"/>
    <mergeCell ref="A3:A4"/>
    <mergeCell ref="B3:E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8"/>
  <dimension ref="A1:N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9" width="9" style="1"/>
    <col min="10" max="10" width="7" style="1" customWidth="1"/>
    <col min="11" max="16384" width="9" style="1"/>
  </cols>
  <sheetData>
    <row r="1" spans="1:14">
      <c r="A1" s="1" t="s">
        <v>561</v>
      </c>
    </row>
    <row r="2" spans="1:14" ht="14.25" customHeight="1">
      <c r="A2" s="41" t="s">
        <v>812</v>
      </c>
      <c r="C2" s="7"/>
      <c r="D2" s="7"/>
      <c r="E2" s="7"/>
    </row>
    <row r="3" spans="1:14" ht="14.25" customHeight="1">
      <c r="A3" s="60" t="s">
        <v>178</v>
      </c>
      <c r="B3" s="53" t="s">
        <v>39</v>
      </c>
      <c r="C3" s="53"/>
      <c r="D3" s="53"/>
      <c r="E3" s="53"/>
      <c r="F3" s="2"/>
    </row>
    <row r="4" spans="1:14">
      <c r="A4" s="60"/>
      <c r="B4" s="3" t="s">
        <v>132</v>
      </c>
      <c r="C4" s="3" t="s">
        <v>133</v>
      </c>
      <c r="D4" s="3" t="s">
        <v>42</v>
      </c>
      <c r="E4" s="3" t="s">
        <v>134</v>
      </c>
    </row>
    <row r="5" spans="1:14">
      <c r="A5" s="56" t="s">
        <v>179</v>
      </c>
      <c r="B5" s="4">
        <v>822</v>
      </c>
      <c r="C5" s="4">
        <v>157</v>
      </c>
      <c r="D5" s="4">
        <v>10</v>
      </c>
      <c r="E5" s="4">
        <v>989</v>
      </c>
    </row>
    <row r="6" spans="1:14">
      <c r="A6" s="61"/>
      <c r="B6" s="5">
        <v>0.83099999999999996</v>
      </c>
      <c r="C6" s="5">
        <v>0.159</v>
      </c>
      <c r="D6" s="5">
        <v>0.01</v>
      </c>
      <c r="E6" s="5">
        <v>1</v>
      </c>
    </row>
    <row r="7" spans="1:14">
      <c r="A7" s="56" t="s">
        <v>180</v>
      </c>
      <c r="B7" s="4">
        <v>1583</v>
      </c>
      <c r="C7" s="4">
        <v>268</v>
      </c>
      <c r="D7" s="4">
        <v>8</v>
      </c>
      <c r="E7" s="4">
        <v>1859</v>
      </c>
    </row>
    <row r="8" spans="1:14">
      <c r="A8" s="57"/>
      <c r="B8" s="5">
        <v>0.85199999999999998</v>
      </c>
      <c r="C8" s="5">
        <v>0.14399999999999999</v>
      </c>
      <c r="D8" s="5">
        <v>4.0000000000000001E-3</v>
      </c>
      <c r="E8" s="5">
        <v>1</v>
      </c>
      <c r="J8" s="9"/>
      <c r="K8" s="9"/>
      <c r="L8" s="9"/>
      <c r="M8" s="9"/>
      <c r="N8" s="9"/>
    </row>
    <row r="9" spans="1:14">
      <c r="A9" s="56" t="s">
        <v>181</v>
      </c>
      <c r="B9" s="6">
        <v>504</v>
      </c>
      <c r="C9" s="6">
        <v>70</v>
      </c>
      <c r="D9" s="6">
        <v>3</v>
      </c>
      <c r="E9" s="6">
        <v>577</v>
      </c>
    </row>
    <row r="10" spans="1:14">
      <c r="A10" s="57"/>
      <c r="B10" s="5">
        <v>0.873</v>
      </c>
      <c r="C10" s="5">
        <v>0.121</v>
      </c>
      <c r="D10" s="5">
        <v>5.0000000000000001E-3</v>
      </c>
      <c r="E10" s="5">
        <v>1</v>
      </c>
      <c r="J10" s="9"/>
      <c r="K10" s="9"/>
      <c r="L10" s="9"/>
      <c r="M10" s="9"/>
      <c r="N10" s="9"/>
    </row>
    <row r="11" spans="1:14" ht="14.25" customHeight="1">
      <c r="A11" s="73" t="s">
        <v>182</v>
      </c>
      <c r="B11" s="6">
        <v>111</v>
      </c>
      <c r="C11" s="6">
        <v>21</v>
      </c>
      <c r="D11" s="6">
        <v>1</v>
      </c>
      <c r="E11" s="6">
        <v>133</v>
      </c>
    </row>
    <row r="12" spans="1:14">
      <c r="A12" s="74"/>
      <c r="B12" s="5">
        <v>0.83499999999999996</v>
      </c>
      <c r="C12" s="5">
        <v>0.158</v>
      </c>
      <c r="D12" s="5">
        <v>8.0000000000000002E-3</v>
      </c>
      <c r="E12" s="5">
        <v>1</v>
      </c>
      <c r="J12" s="9"/>
      <c r="K12" s="9"/>
      <c r="L12" s="9"/>
      <c r="M12" s="9"/>
      <c r="N12" s="9"/>
    </row>
    <row r="13" spans="1:14">
      <c r="A13" s="56" t="s">
        <v>171</v>
      </c>
      <c r="B13" s="6">
        <v>113</v>
      </c>
      <c r="C13" s="6">
        <v>14</v>
      </c>
      <c r="D13" s="6">
        <v>0</v>
      </c>
      <c r="E13" s="6">
        <v>127</v>
      </c>
    </row>
    <row r="14" spans="1:14">
      <c r="A14" s="57"/>
      <c r="B14" s="5">
        <v>0.89</v>
      </c>
      <c r="C14" s="5">
        <v>0.11</v>
      </c>
      <c r="D14" s="5">
        <v>0</v>
      </c>
      <c r="E14" s="5">
        <v>1</v>
      </c>
      <c r="J14" s="9"/>
      <c r="K14" s="9"/>
      <c r="L14" s="9"/>
      <c r="M14" s="9"/>
      <c r="N14" s="9"/>
    </row>
    <row r="15" spans="1:14">
      <c r="A15" s="56" t="s">
        <v>177</v>
      </c>
      <c r="B15" s="4">
        <v>3133</v>
      </c>
      <c r="C15" s="4">
        <v>530</v>
      </c>
      <c r="D15" s="4">
        <v>22</v>
      </c>
      <c r="E15" s="4">
        <v>3685</v>
      </c>
    </row>
    <row r="16" spans="1:14">
      <c r="A16" s="61"/>
      <c r="B16" s="5">
        <v>0.85</v>
      </c>
      <c r="C16" s="5">
        <v>0.14399999999999999</v>
      </c>
      <c r="D16" s="5">
        <v>6.0000000000000001E-3</v>
      </c>
      <c r="E16" s="5">
        <v>1</v>
      </c>
      <c r="J16" s="9"/>
      <c r="K16" s="9"/>
      <c r="L16" s="9"/>
      <c r="M16" s="9"/>
      <c r="N16" s="9"/>
    </row>
    <row r="17" spans="1:14">
      <c r="A17" s="54" t="s">
        <v>37</v>
      </c>
      <c r="B17" s="54"/>
      <c r="C17" s="54"/>
      <c r="D17" s="54"/>
      <c r="E17" s="54"/>
    </row>
    <row r="18" spans="1:14">
      <c r="A18" s="55"/>
      <c r="B18" s="55"/>
      <c r="C18" s="55"/>
      <c r="D18" s="55"/>
      <c r="E18" s="55"/>
      <c r="J18" s="9"/>
      <c r="K18" s="9"/>
      <c r="L18" s="9"/>
      <c r="M18" s="9"/>
      <c r="N18" s="9"/>
    </row>
    <row r="20" spans="1:14">
      <c r="K20" s="9"/>
      <c r="L20" s="9"/>
      <c r="M20" s="9"/>
      <c r="N20" s="9"/>
    </row>
    <row r="22" spans="1:14">
      <c r="K22" s="9"/>
      <c r="L22" s="9"/>
      <c r="M22" s="9"/>
      <c r="N22" s="9"/>
    </row>
    <row r="24" spans="1:14">
      <c r="K24" s="9"/>
      <c r="L24" s="9"/>
      <c r="M24" s="9"/>
      <c r="N24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9"/>
  <dimension ref="A1:S1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9">
      <c r="A1" s="1" t="s">
        <v>562</v>
      </c>
    </row>
    <row r="2" spans="1:19" ht="14.25" customHeight="1">
      <c r="A2" s="41" t="s">
        <v>812</v>
      </c>
      <c r="C2" s="7"/>
      <c r="D2" s="7"/>
      <c r="E2" s="7"/>
      <c r="F2" s="7"/>
      <c r="G2" s="7"/>
      <c r="H2" s="7"/>
    </row>
    <row r="3" spans="1:19" ht="14.25" customHeight="1">
      <c r="A3" s="60" t="s">
        <v>178</v>
      </c>
      <c r="B3" s="53" t="s">
        <v>45</v>
      </c>
      <c r="C3" s="53"/>
      <c r="D3" s="53"/>
      <c r="E3" s="53"/>
      <c r="F3" s="53"/>
      <c r="G3" s="53"/>
      <c r="H3" s="53"/>
      <c r="I3" s="2"/>
    </row>
    <row r="4" spans="1:19" ht="42.75">
      <c r="A4" s="60"/>
      <c r="B4" s="8" t="s">
        <v>46</v>
      </c>
      <c r="C4" s="8" t="s">
        <v>102</v>
      </c>
      <c r="D4" s="8" t="s">
        <v>47</v>
      </c>
      <c r="E4" s="8" t="s">
        <v>48</v>
      </c>
      <c r="F4" s="8" t="s">
        <v>49</v>
      </c>
      <c r="G4" s="8" t="s">
        <v>42</v>
      </c>
      <c r="H4" s="8" t="s">
        <v>29</v>
      </c>
    </row>
    <row r="5" spans="1:19">
      <c r="A5" s="56" t="s">
        <v>179</v>
      </c>
      <c r="B5" s="4">
        <v>149</v>
      </c>
      <c r="C5" s="4">
        <v>653</v>
      </c>
      <c r="D5" s="4">
        <v>174</v>
      </c>
      <c r="E5" s="4">
        <v>3</v>
      </c>
      <c r="F5" s="4">
        <v>7</v>
      </c>
      <c r="G5" s="4">
        <v>3</v>
      </c>
      <c r="H5" s="4">
        <v>989</v>
      </c>
    </row>
    <row r="6" spans="1:19">
      <c r="A6" s="61"/>
      <c r="B6" s="5">
        <v>0.151</v>
      </c>
      <c r="C6" s="5">
        <v>0.66</v>
      </c>
      <c r="D6" s="5">
        <v>0.17599999999999999</v>
      </c>
      <c r="E6" s="5">
        <v>3.0000000000000001E-3</v>
      </c>
      <c r="F6" s="5">
        <v>7.0000000000000001E-3</v>
      </c>
      <c r="G6" s="5">
        <v>3.0000000000000001E-3</v>
      </c>
      <c r="H6" s="5">
        <v>1</v>
      </c>
    </row>
    <row r="7" spans="1:19">
      <c r="A7" s="56" t="s">
        <v>180</v>
      </c>
      <c r="B7" s="4">
        <v>264</v>
      </c>
      <c r="C7" s="4">
        <v>1321</v>
      </c>
      <c r="D7" s="4">
        <v>254</v>
      </c>
      <c r="E7" s="4">
        <v>4</v>
      </c>
      <c r="F7" s="4">
        <v>11</v>
      </c>
      <c r="G7" s="4">
        <v>5</v>
      </c>
      <c r="H7" s="4">
        <v>1859</v>
      </c>
    </row>
    <row r="8" spans="1:19">
      <c r="A8" s="57"/>
      <c r="B8" s="5">
        <v>0.14199999999999999</v>
      </c>
      <c r="C8" s="5">
        <v>0.71099999999999997</v>
      </c>
      <c r="D8" s="5">
        <v>0.13700000000000001</v>
      </c>
      <c r="E8" s="5">
        <v>2E-3</v>
      </c>
      <c r="F8" s="5">
        <v>6.0000000000000001E-3</v>
      </c>
      <c r="G8" s="5">
        <v>3.0000000000000001E-3</v>
      </c>
      <c r="H8" s="5">
        <v>1</v>
      </c>
      <c r="M8" s="9"/>
      <c r="N8" s="9"/>
      <c r="O8" s="9"/>
      <c r="P8" s="9"/>
      <c r="Q8" s="9"/>
      <c r="R8" s="9"/>
      <c r="S8" s="9"/>
    </row>
    <row r="9" spans="1:19">
      <c r="A9" s="56" t="s">
        <v>181</v>
      </c>
      <c r="B9" s="6">
        <v>79</v>
      </c>
      <c r="C9" s="6">
        <v>449</v>
      </c>
      <c r="D9" s="6">
        <v>38</v>
      </c>
      <c r="E9" s="6">
        <v>2</v>
      </c>
      <c r="F9" s="6">
        <v>6</v>
      </c>
      <c r="G9" s="6">
        <v>3</v>
      </c>
      <c r="H9" s="6">
        <v>577</v>
      </c>
    </row>
    <row r="10" spans="1:19">
      <c r="A10" s="57"/>
      <c r="B10" s="5">
        <v>0.13700000000000001</v>
      </c>
      <c r="C10" s="5">
        <v>0.77800000000000002</v>
      </c>
      <c r="D10" s="5">
        <v>6.6000000000000003E-2</v>
      </c>
      <c r="E10" s="5">
        <v>3.0000000000000001E-3</v>
      </c>
      <c r="F10" s="5">
        <v>0.01</v>
      </c>
      <c r="G10" s="5">
        <v>5.0000000000000001E-3</v>
      </c>
      <c r="H10" s="5">
        <v>1</v>
      </c>
      <c r="M10" s="9"/>
      <c r="N10" s="9"/>
      <c r="O10" s="9"/>
      <c r="P10" s="9"/>
      <c r="Q10" s="9"/>
      <c r="R10" s="9"/>
      <c r="S10" s="9"/>
    </row>
    <row r="11" spans="1:19" ht="14.25" customHeight="1">
      <c r="A11" s="73" t="s">
        <v>182</v>
      </c>
      <c r="B11" s="6">
        <v>21</v>
      </c>
      <c r="C11" s="6">
        <v>93</v>
      </c>
      <c r="D11" s="6">
        <v>18</v>
      </c>
      <c r="E11" s="6">
        <v>1</v>
      </c>
      <c r="F11" s="6">
        <v>0</v>
      </c>
      <c r="G11" s="6">
        <v>0</v>
      </c>
      <c r="H11" s="6">
        <v>133</v>
      </c>
    </row>
    <row r="12" spans="1:19">
      <c r="A12" s="74"/>
      <c r="B12" s="5">
        <v>0.158</v>
      </c>
      <c r="C12" s="5">
        <v>0.69899999999999995</v>
      </c>
      <c r="D12" s="5">
        <v>0.13500000000000001</v>
      </c>
      <c r="E12" s="5">
        <v>8.0000000000000002E-3</v>
      </c>
      <c r="F12" s="5">
        <v>0</v>
      </c>
      <c r="G12" s="5">
        <v>0</v>
      </c>
      <c r="H12" s="5">
        <v>1</v>
      </c>
      <c r="M12" s="9"/>
      <c r="N12" s="9"/>
      <c r="O12" s="9"/>
      <c r="P12" s="9"/>
      <c r="Q12" s="9"/>
      <c r="R12" s="9"/>
      <c r="S12" s="9"/>
    </row>
    <row r="13" spans="1:19">
      <c r="A13" s="56" t="s">
        <v>171</v>
      </c>
      <c r="B13" s="6">
        <v>15</v>
      </c>
      <c r="C13" s="6">
        <v>86</v>
      </c>
      <c r="D13" s="6">
        <v>22</v>
      </c>
      <c r="E13" s="6">
        <v>1</v>
      </c>
      <c r="F13" s="6">
        <v>2</v>
      </c>
      <c r="G13" s="6">
        <v>1</v>
      </c>
      <c r="H13" s="6">
        <v>127</v>
      </c>
    </row>
    <row r="14" spans="1:19">
      <c r="A14" s="57"/>
      <c r="B14" s="5">
        <v>0.11799999999999999</v>
      </c>
      <c r="C14" s="5">
        <v>0.67700000000000005</v>
      </c>
      <c r="D14" s="5">
        <v>0.17299999999999999</v>
      </c>
      <c r="E14" s="5">
        <v>8.0000000000000002E-3</v>
      </c>
      <c r="F14" s="5">
        <v>1.6E-2</v>
      </c>
      <c r="G14" s="5">
        <v>8.0000000000000002E-3</v>
      </c>
      <c r="H14" s="5">
        <v>1</v>
      </c>
      <c r="M14" s="9"/>
      <c r="N14" s="9"/>
      <c r="O14" s="9"/>
      <c r="P14" s="9"/>
      <c r="Q14" s="9"/>
      <c r="R14" s="9"/>
      <c r="S14" s="9"/>
    </row>
    <row r="15" spans="1:19">
      <c r="A15" s="56" t="s">
        <v>29</v>
      </c>
      <c r="B15" s="4">
        <v>528</v>
      </c>
      <c r="C15" s="4">
        <v>2602</v>
      </c>
      <c r="D15" s="4">
        <v>506</v>
      </c>
      <c r="E15" s="4">
        <v>11</v>
      </c>
      <c r="F15" s="4">
        <v>26</v>
      </c>
      <c r="G15" s="4">
        <v>12</v>
      </c>
      <c r="H15" s="4">
        <v>3685</v>
      </c>
    </row>
    <row r="16" spans="1:19">
      <c r="A16" s="57"/>
      <c r="B16" s="5">
        <v>0.14299999999999999</v>
      </c>
      <c r="C16" s="5">
        <v>0.70599999999999996</v>
      </c>
      <c r="D16" s="5">
        <v>0.13700000000000001</v>
      </c>
      <c r="E16" s="5">
        <v>3.0000000000000001E-3</v>
      </c>
      <c r="F16" s="5">
        <v>7.0000000000000001E-3</v>
      </c>
      <c r="G16" s="5">
        <v>3.0000000000000001E-3</v>
      </c>
      <c r="H16" s="5">
        <v>1</v>
      </c>
      <c r="M16" s="9"/>
      <c r="N16" s="9"/>
      <c r="O16" s="9"/>
      <c r="P16" s="9"/>
      <c r="Q16" s="9"/>
      <c r="R16" s="9"/>
      <c r="S16" s="9"/>
    </row>
    <row r="17" spans="1:19">
      <c r="A17" s="54" t="s">
        <v>44</v>
      </c>
      <c r="B17" s="54"/>
      <c r="C17" s="54"/>
      <c r="D17" s="54"/>
      <c r="E17" s="54"/>
      <c r="F17" s="54"/>
      <c r="G17" s="54"/>
      <c r="H17" s="54"/>
    </row>
    <row r="18" spans="1:19">
      <c r="A18" s="55"/>
      <c r="B18" s="55"/>
      <c r="C18" s="55"/>
      <c r="D18" s="55"/>
      <c r="E18" s="55"/>
      <c r="F18" s="55"/>
      <c r="G18" s="55"/>
      <c r="H18" s="55"/>
      <c r="M18" s="9"/>
      <c r="N18" s="9"/>
      <c r="O18" s="9"/>
      <c r="P18" s="9"/>
      <c r="Q18" s="9"/>
      <c r="R18" s="9"/>
      <c r="S18" s="9"/>
    </row>
  </sheetData>
  <mergeCells count="9">
    <mergeCell ref="A13:A14"/>
    <mergeCell ref="A15:A16"/>
    <mergeCell ref="A17:H18"/>
    <mergeCell ref="A3:A4"/>
    <mergeCell ref="B3:H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0"/>
  <dimension ref="A1:Q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7">
      <c r="A1" s="1" t="s">
        <v>563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178</v>
      </c>
      <c r="B3" s="53" t="s">
        <v>107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564</v>
      </c>
      <c r="C4" s="8" t="s">
        <v>136</v>
      </c>
      <c r="D4" s="8" t="s">
        <v>565</v>
      </c>
      <c r="E4" s="8" t="s">
        <v>138</v>
      </c>
      <c r="F4" s="8" t="s">
        <v>42</v>
      </c>
      <c r="G4" s="8" t="s">
        <v>29</v>
      </c>
    </row>
    <row r="5" spans="1:17">
      <c r="A5" s="56" t="s">
        <v>179</v>
      </c>
      <c r="B5" s="4">
        <v>373</v>
      </c>
      <c r="C5" s="4">
        <v>295</v>
      </c>
      <c r="D5" s="4">
        <v>96</v>
      </c>
      <c r="E5" s="4">
        <v>222</v>
      </c>
      <c r="F5" s="4">
        <v>3</v>
      </c>
      <c r="G5" s="4">
        <v>989</v>
      </c>
    </row>
    <row r="6" spans="1:17">
      <c r="A6" s="61"/>
      <c r="B6" s="5">
        <v>0.377</v>
      </c>
      <c r="C6" s="5">
        <v>0.29799999999999999</v>
      </c>
      <c r="D6" s="5">
        <v>9.7000000000000003E-2</v>
      </c>
      <c r="E6" s="5">
        <v>0.224</v>
      </c>
      <c r="F6" s="5">
        <v>3.0000000000000001E-3</v>
      </c>
      <c r="G6" s="5">
        <v>1</v>
      </c>
    </row>
    <row r="7" spans="1:17">
      <c r="A7" s="56" t="s">
        <v>180</v>
      </c>
      <c r="B7" s="6">
        <v>604</v>
      </c>
      <c r="C7" s="6">
        <v>594</v>
      </c>
      <c r="D7" s="6">
        <v>223</v>
      </c>
      <c r="E7" s="6">
        <v>436</v>
      </c>
      <c r="F7" s="6">
        <v>2</v>
      </c>
      <c r="G7" s="4">
        <v>1859</v>
      </c>
      <c r="L7" s="9"/>
      <c r="M7" s="9"/>
      <c r="N7" s="9"/>
      <c r="O7" s="9"/>
      <c r="P7" s="9"/>
      <c r="Q7" s="9"/>
    </row>
    <row r="8" spans="1:17">
      <c r="A8" s="57"/>
      <c r="B8" s="5">
        <v>0.32500000000000001</v>
      </c>
      <c r="C8" s="5">
        <v>0.32</v>
      </c>
      <c r="D8" s="5">
        <v>0.12</v>
      </c>
      <c r="E8" s="5">
        <v>0.23499999999999999</v>
      </c>
      <c r="F8" s="5">
        <v>1E-3</v>
      </c>
      <c r="G8" s="5">
        <v>1</v>
      </c>
    </row>
    <row r="9" spans="1:17">
      <c r="A9" s="56" t="s">
        <v>181</v>
      </c>
      <c r="B9" s="6">
        <v>142</v>
      </c>
      <c r="C9" s="6">
        <v>205</v>
      </c>
      <c r="D9" s="6">
        <v>78</v>
      </c>
      <c r="E9" s="6">
        <v>150</v>
      </c>
      <c r="F9" s="6">
        <v>2</v>
      </c>
      <c r="G9" s="6">
        <v>577</v>
      </c>
      <c r="L9" s="9"/>
      <c r="M9" s="9"/>
      <c r="N9" s="9"/>
      <c r="O9" s="9"/>
      <c r="P9" s="9"/>
      <c r="Q9" s="9"/>
    </row>
    <row r="10" spans="1:17">
      <c r="A10" s="57"/>
      <c r="B10" s="5">
        <v>0.246</v>
      </c>
      <c r="C10" s="5">
        <v>0.35499999999999998</v>
      </c>
      <c r="D10" s="5">
        <v>0.13500000000000001</v>
      </c>
      <c r="E10" s="5">
        <v>0.26</v>
      </c>
      <c r="F10" s="5">
        <v>3.0000000000000001E-3</v>
      </c>
      <c r="G10" s="5">
        <v>1</v>
      </c>
    </row>
    <row r="11" spans="1:17" ht="14.25" customHeight="1">
      <c r="A11" s="73" t="s">
        <v>182</v>
      </c>
      <c r="B11" s="6">
        <v>35</v>
      </c>
      <c r="C11" s="6">
        <v>38</v>
      </c>
      <c r="D11" s="6">
        <v>23</v>
      </c>
      <c r="E11" s="6">
        <v>37</v>
      </c>
      <c r="F11" s="6">
        <v>0</v>
      </c>
      <c r="G11" s="6">
        <v>133</v>
      </c>
      <c r="L11" s="9"/>
      <c r="M11" s="9"/>
      <c r="N11" s="9"/>
      <c r="O11" s="9"/>
      <c r="P11" s="9"/>
      <c r="Q11" s="9"/>
    </row>
    <row r="12" spans="1:17">
      <c r="A12" s="74"/>
      <c r="B12" s="5">
        <v>0.26300000000000001</v>
      </c>
      <c r="C12" s="5">
        <v>0.28599999999999998</v>
      </c>
      <c r="D12" s="5">
        <v>0.17299999999999999</v>
      </c>
      <c r="E12" s="5">
        <v>0.27800000000000002</v>
      </c>
      <c r="F12" s="5">
        <v>0</v>
      </c>
      <c r="G12" s="5">
        <v>1</v>
      </c>
    </row>
    <row r="13" spans="1:17">
      <c r="A13" s="56" t="s">
        <v>171</v>
      </c>
      <c r="B13" s="6">
        <v>56</v>
      </c>
      <c r="C13" s="6">
        <v>28</v>
      </c>
      <c r="D13" s="6">
        <v>13</v>
      </c>
      <c r="E13" s="6">
        <v>29</v>
      </c>
      <c r="F13" s="6">
        <v>1</v>
      </c>
      <c r="G13" s="6">
        <v>127</v>
      </c>
      <c r="L13" s="9"/>
      <c r="M13" s="9"/>
      <c r="N13" s="9"/>
      <c r="O13" s="9"/>
      <c r="P13" s="9"/>
      <c r="Q13" s="9"/>
    </row>
    <row r="14" spans="1:17">
      <c r="A14" s="57"/>
      <c r="B14" s="5">
        <v>0.441</v>
      </c>
      <c r="C14" s="5">
        <v>0.22</v>
      </c>
      <c r="D14" s="5">
        <v>0.10199999999999999</v>
      </c>
      <c r="E14" s="5">
        <v>0.22800000000000001</v>
      </c>
      <c r="F14" s="5">
        <v>8.0000000000000002E-3</v>
      </c>
      <c r="G14" s="5">
        <v>1</v>
      </c>
    </row>
    <row r="15" spans="1:17">
      <c r="A15" s="56" t="s">
        <v>29</v>
      </c>
      <c r="B15" s="4">
        <v>1210</v>
      </c>
      <c r="C15" s="4">
        <v>1160</v>
      </c>
      <c r="D15" s="4">
        <v>433</v>
      </c>
      <c r="E15" s="4">
        <v>874</v>
      </c>
      <c r="F15" s="4">
        <v>8</v>
      </c>
      <c r="G15" s="4">
        <v>3685</v>
      </c>
      <c r="L15" s="9"/>
      <c r="M15" s="9"/>
      <c r="N15" s="9"/>
      <c r="O15" s="9"/>
      <c r="P15" s="9"/>
      <c r="Q15" s="9"/>
    </row>
    <row r="16" spans="1:17">
      <c r="A16" s="57"/>
      <c r="B16" s="5">
        <v>0.32800000000000001</v>
      </c>
      <c r="C16" s="5">
        <v>0.315</v>
      </c>
      <c r="D16" s="5">
        <v>0.11799999999999999</v>
      </c>
      <c r="E16" s="5">
        <v>0.23699999999999999</v>
      </c>
      <c r="F16" s="5">
        <v>2E-3</v>
      </c>
      <c r="G16" s="5">
        <v>1</v>
      </c>
    </row>
    <row r="17" spans="1:17">
      <c r="A17" s="54" t="s">
        <v>95</v>
      </c>
      <c r="B17" s="54"/>
      <c r="C17" s="54"/>
      <c r="D17" s="54"/>
      <c r="E17" s="54"/>
      <c r="F17" s="54"/>
      <c r="G17" s="54"/>
      <c r="L17" s="9"/>
      <c r="M17" s="9"/>
      <c r="N17" s="9"/>
      <c r="O17" s="9"/>
      <c r="P17" s="9"/>
      <c r="Q17" s="9"/>
    </row>
    <row r="18" spans="1:17">
      <c r="A18" s="55"/>
      <c r="B18" s="55"/>
      <c r="C18" s="55"/>
      <c r="D18" s="55"/>
      <c r="E18" s="55"/>
      <c r="F18" s="55"/>
      <c r="G18" s="55"/>
    </row>
    <row r="19" spans="1:17">
      <c r="L19" s="9"/>
      <c r="M19" s="9"/>
      <c r="N19" s="9"/>
      <c r="O19" s="9"/>
      <c r="P19" s="9"/>
      <c r="Q19" s="9"/>
    </row>
    <row r="21" spans="1:17">
      <c r="L21" s="9"/>
      <c r="M21" s="9"/>
      <c r="N21" s="9"/>
      <c r="O21" s="9"/>
      <c r="P21" s="9"/>
      <c r="Q21" s="9"/>
    </row>
    <row r="23" spans="1:17">
      <c r="L23" s="9"/>
      <c r="M23" s="9"/>
      <c r="N23" s="9"/>
      <c r="O23" s="9"/>
      <c r="P23" s="9"/>
      <c r="Q23" s="9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1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66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8</v>
      </c>
      <c r="B3" s="53" t="s">
        <v>97</v>
      </c>
      <c r="C3" s="53"/>
      <c r="D3" s="53"/>
      <c r="E3" s="53"/>
      <c r="F3" s="53"/>
      <c r="G3" s="2"/>
    </row>
    <row r="4" spans="1:15" ht="28.5">
      <c r="A4" s="60"/>
      <c r="B4" s="8" t="s">
        <v>567</v>
      </c>
      <c r="C4" s="8" t="s">
        <v>140</v>
      </c>
      <c r="D4" s="8" t="s">
        <v>141</v>
      </c>
      <c r="E4" s="8" t="s">
        <v>42</v>
      </c>
      <c r="F4" s="8" t="s">
        <v>29</v>
      </c>
    </row>
    <row r="5" spans="1:15">
      <c r="A5" s="56" t="s">
        <v>179</v>
      </c>
      <c r="B5" s="4">
        <v>369</v>
      </c>
      <c r="C5" s="4">
        <v>527</v>
      </c>
      <c r="D5" s="4">
        <v>92</v>
      </c>
      <c r="E5" s="4">
        <v>1</v>
      </c>
      <c r="F5" s="4">
        <v>989</v>
      </c>
    </row>
    <row r="6" spans="1:15">
      <c r="A6" s="61"/>
      <c r="B6" s="5">
        <v>0.373</v>
      </c>
      <c r="C6" s="5">
        <v>0.53300000000000003</v>
      </c>
      <c r="D6" s="5">
        <v>9.2999999999999999E-2</v>
      </c>
      <c r="E6" s="5">
        <v>1E-3</v>
      </c>
      <c r="F6" s="5">
        <v>1</v>
      </c>
    </row>
    <row r="7" spans="1:15">
      <c r="A7" s="56" t="s">
        <v>180</v>
      </c>
      <c r="B7" s="6">
        <v>884</v>
      </c>
      <c r="C7" s="6">
        <v>864</v>
      </c>
      <c r="D7" s="6">
        <v>109</v>
      </c>
      <c r="E7" s="6">
        <v>2</v>
      </c>
      <c r="F7" s="4">
        <v>1859</v>
      </c>
    </row>
    <row r="8" spans="1:15">
      <c r="A8" s="57"/>
      <c r="B8" s="5">
        <v>0.47599999999999998</v>
      </c>
      <c r="C8" s="5">
        <v>0.46500000000000002</v>
      </c>
      <c r="D8" s="5">
        <v>5.8999999999999997E-2</v>
      </c>
      <c r="E8" s="5">
        <v>1E-3</v>
      </c>
      <c r="F8" s="5">
        <v>1</v>
      </c>
      <c r="K8" s="9"/>
      <c r="L8" s="9"/>
      <c r="M8" s="9"/>
      <c r="N8" s="9"/>
      <c r="O8" s="9"/>
    </row>
    <row r="9" spans="1:15">
      <c r="A9" s="56" t="s">
        <v>181</v>
      </c>
      <c r="B9" s="6">
        <v>290</v>
      </c>
      <c r="C9" s="6">
        <v>264</v>
      </c>
      <c r="D9" s="6">
        <v>21</v>
      </c>
      <c r="E9" s="6">
        <v>2</v>
      </c>
      <c r="F9" s="6">
        <v>577</v>
      </c>
    </row>
    <row r="10" spans="1:15">
      <c r="A10" s="57"/>
      <c r="B10" s="5">
        <v>0.503</v>
      </c>
      <c r="C10" s="5">
        <v>0.45800000000000002</v>
      </c>
      <c r="D10" s="5">
        <v>3.5999999999999997E-2</v>
      </c>
      <c r="E10" s="5">
        <v>3.0000000000000001E-3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73" t="s">
        <v>182</v>
      </c>
      <c r="B11" s="6">
        <v>75</v>
      </c>
      <c r="C11" s="6">
        <v>54</v>
      </c>
      <c r="D11" s="6">
        <v>4</v>
      </c>
      <c r="E11" s="6">
        <v>0</v>
      </c>
      <c r="F11" s="6">
        <v>133</v>
      </c>
    </row>
    <row r="12" spans="1:15">
      <c r="A12" s="74"/>
      <c r="B12" s="5">
        <v>0.56399999999999995</v>
      </c>
      <c r="C12" s="5">
        <v>0.40600000000000003</v>
      </c>
      <c r="D12" s="5">
        <v>0.03</v>
      </c>
      <c r="E12" s="5">
        <v>0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55</v>
      </c>
      <c r="C13" s="6">
        <v>59</v>
      </c>
      <c r="D13" s="6">
        <v>13</v>
      </c>
      <c r="E13" s="6">
        <v>0</v>
      </c>
      <c r="F13" s="6">
        <v>127</v>
      </c>
    </row>
    <row r="14" spans="1:15">
      <c r="A14" s="57"/>
      <c r="B14" s="5">
        <v>0.433</v>
      </c>
      <c r="C14" s="5">
        <v>0.46500000000000002</v>
      </c>
      <c r="D14" s="5">
        <v>0.10199999999999999</v>
      </c>
      <c r="E14" s="5">
        <v>0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1673</v>
      </c>
      <c r="C15" s="4">
        <v>1768</v>
      </c>
      <c r="D15" s="4">
        <v>239</v>
      </c>
      <c r="E15" s="4">
        <v>5</v>
      </c>
      <c r="F15" s="4">
        <v>3685</v>
      </c>
    </row>
    <row r="16" spans="1:15">
      <c r="A16" s="57"/>
      <c r="B16" s="5">
        <v>0.45400000000000001</v>
      </c>
      <c r="C16" s="5">
        <v>0.48</v>
      </c>
      <c r="D16" s="5">
        <v>6.5000000000000002E-2</v>
      </c>
      <c r="E16" s="5">
        <v>1E-3</v>
      </c>
      <c r="F16" s="5">
        <v>1</v>
      </c>
      <c r="K16" s="9"/>
      <c r="L16" s="9"/>
      <c r="M16" s="9"/>
      <c r="N16" s="9"/>
      <c r="O16" s="9"/>
    </row>
    <row r="17" spans="1:15">
      <c r="A17" s="54" t="s">
        <v>98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2"/>
  <dimension ref="A1:M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68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78</v>
      </c>
      <c r="B3" s="53" t="s">
        <v>104</v>
      </c>
      <c r="C3" s="53"/>
      <c r="D3" s="53"/>
      <c r="E3" s="53"/>
      <c r="F3" s="2"/>
    </row>
    <row r="4" spans="1:13">
      <c r="A4" s="60"/>
      <c r="B4" s="8" t="s">
        <v>142</v>
      </c>
      <c r="C4" s="8" t="s">
        <v>150</v>
      </c>
      <c r="D4" s="8" t="s">
        <v>42</v>
      </c>
      <c r="E4" s="8" t="s">
        <v>29</v>
      </c>
    </row>
    <row r="5" spans="1:13">
      <c r="A5" s="56" t="s">
        <v>179</v>
      </c>
      <c r="B5" s="4">
        <v>335</v>
      </c>
      <c r="C5" s="4">
        <v>25</v>
      </c>
      <c r="D5" s="4">
        <v>9</v>
      </c>
      <c r="E5" s="4">
        <v>369</v>
      </c>
    </row>
    <row r="6" spans="1:13">
      <c r="A6" s="61"/>
      <c r="B6" s="5">
        <v>0.90800000000000003</v>
      </c>
      <c r="C6" s="5">
        <v>6.8000000000000005E-2</v>
      </c>
      <c r="D6" s="5">
        <v>2.4E-2</v>
      </c>
      <c r="E6" s="5">
        <v>1</v>
      </c>
    </row>
    <row r="7" spans="1:13">
      <c r="A7" s="56" t="s">
        <v>180</v>
      </c>
      <c r="B7" s="6">
        <v>804</v>
      </c>
      <c r="C7" s="6">
        <v>36</v>
      </c>
      <c r="D7" s="6">
        <v>44</v>
      </c>
      <c r="E7" s="4">
        <v>884</v>
      </c>
      <c r="J7" s="9"/>
      <c r="K7" s="9"/>
      <c r="L7" s="9"/>
      <c r="M7" s="9"/>
    </row>
    <row r="8" spans="1:13">
      <c r="A8" s="57"/>
      <c r="B8" s="5">
        <v>0.91</v>
      </c>
      <c r="C8" s="5">
        <v>4.1000000000000002E-2</v>
      </c>
      <c r="D8" s="5">
        <v>0.05</v>
      </c>
      <c r="E8" s="5">
        <v>1</v>
      </c>
    </row>
    <row r="9" spans="1:13">
      <c r="A9" s="56" t="s">
        <v>181</v>
      </c>
      <c r="B9" s="6">
        <v>260</v>
      </c>
      <c r="C9" s="6">
        <v>17</v>
      </c>
      <c r="D9" s="6">
        <v>13</v>
      </c>
      <c r="E9" s="6">
        <v>290</v>
      </c>
      <c r="J9" s="9"/>
      <c r="K9" s="9"/>
      <c r="L9" s="9"/>
      <c r="M9" s="9"/>
    </row>
    <row r="10" spans="1:13">
      <c r="A10" s="57"/>
      <c r="B10" s="5">
        <v>0.89700000000000002</v>
      </c>
      <c r="C10" s="5">
        <v>5.8999999999999997E-2</v>
      </c>
      <c r="D10" s="5">
        <v>4.4999999999999998E-2</v>
      </c>
      <c r="E10" s="5">
        <v>1</v>
      </c>
    </row>
    <row r="11" spans="1:13" ht="14.25" customHeight="1">
      <c r="A11" s="73" t="s">
        <v>182</v>
      </c>
      <c r="B11" s="6">
        <v>67</v>
      </c>
      <c r="C11" s="6">
        <v>2</v>
      </c>
      <c r="D11" s="6">
        <v>6</v>
      </c>
      <c r="E11" s="6">
        <v>75</v>
      </c>
      <c r="J11" s="9"/>
      <c r="K11" s="9"/>
      <c r="L11" s="9"/>
      <c r="M11" s="9"/>
    </row>
    <row r="12" spans="1:13">
      <c r="A12" s="74"/>
      <c r="B12" s="5">
        <v>0.89300000000000002</v>
      </c>
      <c r="C12" s="5">
        <v>2.7E-2</v>
      </c>
      <c r="D12" s="5">
        <v>0.08</v>
      </c>
      <c r="E12" s="5">
        <v>1</v>
      </c>
    </row>
    <row r="13" spans="1:13">
      <c r="A13" s="56" t="s">
        <v>171</v>
      </c>
      <c r="B13" s="6">
        <v>48</v>
      </c>
      <c r="C13" s="6">
        <v>2</v>
      </c>
      <c r="D13" s="6">
        <v>5</v>
      </c>
      <c r="E13" s="6">
        <v>55</v>
      </c>
      <c r="J13" s="9"/>
      <c r="K13" s="9"/>
      <c r="L13" s="9"/>
      <c r="M13" s="9"/>
    </row>
    <row r="14" spans="1:13">
      <c r="A14" s="57"/>
      <c r="B14" s="5">
        <v>0.873</v>
      </c>
      <c r="C14" s="5">
        <v>3.5999999999999997E-2</v>
      </c>
      <c r="D14" s="5">
        <v>9.0999999999999998E-2</v>
      </c>
      <c r="E14" s="5">
        <v>1</v>
      </c>
    </row>
    <row r="15" spans="1:13">
      <c r="A15" s="56" t="s">
        <v>29</v>
      </c>
      <c r="B15" s="4">
        <v>1514</v>
      </c>
      <c r="C15" s="4">
        <v>82</v>
      </c>
      <c r="D15" s="4">
        <v>77</v>
      </c>
      <c r="E15" s="4">
        <v>1673</v>
      </c>
      <c r="J15" s="9"/>
      <c r="K15" s="9"/>
      <c r="L15" s="9"/>
      <c r="M15" s="9"/>
    </row>
    <row r="16" spans="1:13">
      <c r="A16" s="57"/>
      <c r="B16" s="5">
        <v>0.90500000000000003</v>
      </c>
      <c r="C16" s="5">
        <v>4.9000000000000002E-2</v>
      </c>
      <c r="D16" s="5">
        <v>4.5999999999999999E-2</v>
      </c>
      <c r="E16" s="5">
        <v>1</v>
      </c>
    </row>
    <row r="17" spans="1:13">
      <c r="A17" s="54" t="s">
        <v>518</v>
      </c>
      <c r="B17" s="54"/>
      <c r="C17" s="54"/>
      <c r="D17" s="54"/>
      <c r="E17" s="54"/>
      <c r="J17" s="9"/>
      <c r="K17" s="9"/>
      <c r="L17" s="9"/>
      <c r="M17" s="9"/>
    </row>
    <row r="18" spans="1:13">
      <c r="A18" s="55"/>
      <c r="B18" s="55"/>
      <c r="C18" s="55"/>
      <c r="D18" s="55"/>
      <c r="E18" s="55"/>
    </row>
    <row r="19" spans="1:13">
      <c r="J19" s="9"/>
      <c r="K19" s="9"/>
      <c r="L19" s="9"/>
      <c r="M19" s="9"/>
    </row>
    <row r="21" spans="1:13">
      <c r="J21" s="9"/>
      <c r="K21" s="9"/>
      <c r="L21" s="9"/>
      <c r="M21" s="9"/>
    </row>
    <row r="23" spans="1:13">
      <c r="J23" s="9"/>
      <c r="K23" s="9"/>
      <c r="L23" s="9"/>
      <c r="M23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3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69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8</v>
      </c>
      <c r="B3" s="53" t="s">
        <v>100</v>
      </c>
      <c r="C3" s="53"/>
      <c r="D3" s="53"/>
      <c r="E3" s="53"/>
      <c r="F3" s="53"/>
      <c r="G3" s="2"/>
    </row>
    <row r="4" spans="1:15" ht="28.5">
      <c r="A4" s="60"/>
      <c r="B4" s="8" t="s">
        <v>570</v>
      </c>
      <c r="C4" s="8" t="s">
        <v>144</v>
      </c>
      <c r="D4" s="8" t="s">
        <v>145</v>
      </c>
      <c r="E4" s="8" t="s">
        <v>42</v>
      </c>
      <c r="F4" s="8" t="s">
        <v>29</v>
      </c>
    </row>
    <row r="5" spans="1:15">
      <c r="A5" s="56" t="s">
        <v>179</v>
      </c>
      <c r="B5" s="4">
        <v>240</v>
      </c>
      <c r="C5" s="4">
        <v>595</v>
      </c>
      <c r="D5" s="4">
        <v>153</v>
      </c>
      <c r="E5" s="4">
        <v>1</v>
      </c>
      <c r="F5" s="4">
        <v>989</v>
      </c>
    </row>
    <row r="6" spans="1:15">
      <c r="A6" s="61"/>
      <c r="B6" s="5">
        <v>0.24299999999999999</v>
      </c>
      <c r="C6" s="5">
        <v>0.60199999999999998</v>
      </c>
      <c r="D6" s="5">
        <v>0.155</v>
      </c>
      <c r="E6" s="5">
        <v>1E-3</v>
      </c>
      <c r="F6" s="5">
        <v>1</v>
      </c>
    </row>
    <row r="7" spans="1:15">
      <c r="A7" s="56" t="s">
        <v>180</v>
      </c>
      <c r="B7" s="4">
        <v>490</v>
      </c>
      <c r="C7" s="4">
        <v>1050</v>
      </c>
      <c r="D7" s="4">
        <v>318</v>
      </c>
      <c r="E7" s="4">
        <v>1</v>
      </c>
      <c r="F7" s="4">
        <v>1859</v>
      </c>
    </row>
    <row r="8" spans="1:15">
      <c r="A8" s="57"/>
      <c r="B8" s="5">
        <v>0.26400000000000001</v>
      </c>
      <c r="C8" s="5">
        <v>0.56499999999999995</v>
      </c>
      <c r="D8" s="5">
        <v>0.17100000000000001</v>
      </c>
      <c r="E8" s="5">
        <v>1E-3</v>
      </c>
      <c r="F8" s="5">
        <v>1</v>
      </c>
      <c r="K8" s="9"/>
      <c r="L8" s="9"/>
      <c r="M8" s="9"/>
      <c r="N8" s="9"/>
      <c r="O8" s="9"/>
    </row>
    <row r="9" spans="1:15">
      <c r="A9" s="56" t="s">
        <v>181</v>
      </c>
      <c r="B9" s="6">
        <v>140</v>
      </c>
      <c r="C9" s="6">
        <v>328</v>
      </c>
      <c r="D9" s="6">
        <v>109</v>
      </c>
      <c r="E9" s="6">
        <v>0</v>
      </c>
      <c r="F9" s="6">
        <v>577</v>
      </c>
    </row>
    <row r="10" spans="1:15">
      <c r="A10" s="57"/>
      <c r="B10" s="5">
        <v>0.24299999999999999</v>
      </c>
      <c r="C10" s="5">
        <v>0.56799999999999995</v>
      </c>
      <c r="D10" s="5">
        <v>0.189</v>
      </c>
      <c r="E10" s="5">
        <v>0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73" t="s">
        <v>182</v>
      </c>
      <c r="B11" s="6">
        <v>34</v>
      </c>
      <c r="C11" s="6">
        <v>70</v>
      </c>
      <c r="D11" s="6">
        <v>29</v>
      </c>
      <c r="E11" s="6">
        <v>0</v>
      </c>
      <c r="F11" s="6">
        <v>133</v>
      </c>
    </row>
    <row r="12" spans="1:15">
      <c r="A12" s="74"/>
      <c r="B12" s="5">
        <v>0.25600000000000001</v>
      </c>
      <c r="C12" s="5">
        <v>0.52600000000000002</v>
      </c>
      <c r="D12" s="5">
        <v>0.218</v>
      </c>
      <c r="E12" s="5">
        <v>0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31</v>
      </c>
      <c r="C13" s="6">
        <v>71</v>
      </c>
      <c r="D13" s="6">
        <v>25</v>
      </c>
      <c r="E13" s="6">
        <v>0</v>
      </c>
      <c r="F13" s="6">
        <v>127</v>
      </c>
    </row>
    <row r="14" spans="1:15">
      <c r="A14" s="57"/>
      <c r="B14" s="5">
        <v>0.24399999999999999</v>
      </c>
      <c r="C14" s="5">
        <v>0.55900000000000005</v>
      </c>
      <c r="D14" s="5">
        <v>0.19700000000000001</v>
      </c>
      <c r="E14" s="5">
        <v>0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935</v>
      </c>
      <c r="C15" s="4">
        <v>2114</v>
      </c>
      <c r="D15" s="4">
        <v>634</v>
      </c>
      <c r="E15" s="4">
        <v>2</v>
      </c>
      <c r="F15" s="4">
        <v>3685</v>
      </c>
    </row>
    <row r="16" spans="1:15">
      <c r="A16" s="57"/>
      <c r="B16" s="5">
        <v>0.254</v>
      </c>
      <c r="C16" s="5">
        <v>0.57399999999999995</v>
      </c>
      <c r="D16" s="5">
        <v>0.17199999999999999</v>
      </c>
      <c r="E16" s="5">
        <v>1E-3</v>
      </c>
      <c r="F16" s="5">
        <v>1</v>
      </c>
      <c r="K16" s="9"/>
      <c r="L16" s="9"/>
      <c r="M16" s="9"/>
      <c r="N16" s="9"/>
      <c r="O16" s="9"/>
    </row>
    <row r="17" spans="1:15">
      <c r="A17" s="54" t="s">
        <v>101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4"/>
  <dimension ref="A1:K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1">
      <c r="A1" s="1" t="s">
        <v>571</v>
      </c>
    </row>
    <row r="2" spans="1:11" ht="14.25" customHeight="1">
      <c r="A2" s="41" t="s">
        <v>812</v>
      </c>
      <c r="C2" s="7"/>
      <c r="D2" s="7"/>
    </row>
    <row r="3" spans="1:11" ht="14.25" customHeight="1">
      <c r="A3" s="60" t="s">
        <v>178</v>
      </c>
      <c r="B3" s="53" t="s">
        <v>103</v>
      </c>
      <c r="C3" s="53"/>
      <c r="D3" s="53"/>
      <c r="E3" s="2"/>
    </row>
    <row r="4" spans="1:11">
      <c r="A4" s="60"/>
      <c r="B4" s="8" t="s">
        <v>142</v>
      </c>
      <c r="C4" s="8" t="s">
        <v>150</v>
      </c>
      <c r="D4" s="8" t="s">
        <v>29</v>
      </c>
    </row>
    <row r="5" spans="1:11">
      <c r="A5" s="56" t="s">
        <v>179</v>
      </c>
      <c r="B5" s="4">
        <v>207</v>
      </c>
      <c r="C5" s="4">
        <v>22</v>
      </c>
      <c r="D5" s="4">
        <v>229</v>
      </c>
    </row>
    <row r="6" spans="1:11">
      <c r="A6" s="61"/>
      <c r="B6" s="5">
        <v>0.90400000000000003</v>
      </c>
      <c r="C6" s="5">
        <v>9.6000000000000002E-2</v>
      </c>
      <c r="D6" s="5">
        <v>1</v>
      </c>
    </row>
    <row r="7" spans="1:11">
      <c r="A7" s="56" t="s">
        <v>180</v>
      </c>
      <c r="B7" s="6">
        <v>408</v>
      </c>
      <c r="C7" s="6">
        <v>57</v>
      </c>
      <c r="D7" s="4">
        <v>465</v>
      </c>
      <c r="I7" s="9"/>
      <c r="J7" s="9"/>
      <c r="K7" s="9"/>
    </row>
    <row r="8" spans="1:11">
      <c r="A8" s="57"/>
      <c r="B8" s="5">
        <v>0.877</v>
      </c>
      <c r="C8" s="5">
        <v>0.123</v>
      </c>
      <c r="D8" s="5">
        <v>1</v>
      </c>
    </row>
    <row r="9" spans="1:11">
      <c r="A9" s="56" t="s">
        <v>181</v>
      </c>
      <c r="B9" s="6">
        <v>106</v>
      </c>
      <c r="C9" s="6">
        <v>19</v>
      </c>
      <c r="D9" s="6">
        <v>125</v>
      </c>
      <c r="I9" s="9"/>
      <c r="J9" s="9"/>
      <c r="K9" s="9"/>
    </row>
    <row r="10" spans="1:11">
      <c r="A10" s="57"/>
      <c r="B10" s="5">
        <v>0.84799999999999998</v>
      </c>
      <c r="C10" s="5">
        <v>0.152</v>
      </c>
      <c r="D10" s="5">
        <v>1</v>
      </c>
    </row>
    <row r="11" spans="1:11" ht="14.25" customHeight="1">
      <c r="A11" s="73" t="s">
        <v>182</v>
      </c>
      <c r="B11" s="6">
        <v>28</v>
      </c>
      <c r="C11" s="6">
        <v>3</v>
      </c>
      <c r="D11" s="6">
        <v>31</v>
      </c>
      <c r="I11" s="9"/>
      <c r="J11" s="9"/>
      <c r="K11" s="9"/>
    </row>
    <row r="12" spans="1:11">
      <c r="A12" s="74"/>
      <c r="B12" s="5">
        <v>0.90300000000000002</v>
      </c>
      <c r="C12" s="5">
        <v>9.7000000000000003E-2</v>
      </c>
      <c r="D12" s="5">
        <v>1</v>
      </c>
    </row>
    <row r="13" spans="1:11">
      <c r="A13" s="56" t="s">
        <v>171</v>
      </c>
      <c r="B13" s="6">
        <v>24</v>
      </c>
      <c r="C13" s="6">
        <v>4</v>
      </c>
      <c r="D13" s="6">
        <v>28</v>
      </c>
      <c r="I13" s="9"/>
      <c r="J13" s="9"/>
      <c r="K13" s="9"/>
    </row>
    <row r="14" spans="1:11">
      <c r="A14" s="57"/>
      <c r="B14" s="5">
        <v>0.85699999999999998</v>
      </c>
      <c r="C14" s="5">
        <v>0.14299999999999999</v>
      </c>
      <c r="D14" s="5">
        <v>1</v>
      </c>
    </row>
    <row r="15" spans="1:11">
      <c r="A15" s="56" t="s">
        <v>29</v>
      </c>
      <c r="B15" s="6">
        <v>773</v>
      </c>
      <c r="C15" s="6">
        <v>105</v>
      </c>
      <c r="D15" s="6">
        <v>878</v>
      </c>
      <c r="I15" s="9"/>
      <c r="J15" s="9"/>
      <c r="K15" s="9"/>
    </row>
    <row r="16" spans="1:11">
      <c r="A16" s="57"/>
      <c r="B16" s="5">
        <v>0.88</v>
      </c>
      <c r="C16" s="5">
        <v>0.12</v>
      </c>
      <c r="D16" s="5">
        <v>1</v>
      </c>
    </row>
    <row r="17" spans="1:11">
      <c r="A17" s="54" t="s">
        <v>521</v>
      </c>
      <c r="B17" s="54"/>
      <c r="C17" s="54"/>
      <c r="D17" s="54"/>
      <c r="I17" s="9"/>
      <c r="J17" s="9"/>
      <c r="K17" s="9"/>
    </row>
    <row r="18" spans="1:11">
      <c r="A18" s="55"/>
      <c r="B18" s="55"/>
      <c r="C18" s="55"/>
      <c r="D18" s="55"/>
    </row>
    <row r="19" spans="1:11">
      <c r="I19" s="9"/>
      <c r="J19" s="9"/>
      <c r="K19" s="9"/>
    </row>
    <row r="21" spans="1:11">
      <c r="I21" s="9"/>
      <c r="J21" s="9"/>
      <c r="K21" s="9"/>
    </row>
    <row r="23" spans="1:11">
      <c r="I23" s="9"/>
      <c r="J23" s="9"/>
      <c r="K23" s="9"/>
    </row>
  </sheetData>
  <mergeCells count="9">
    <mergeCell ref="A13:A14"/>
    <mergeCell ref="A15:A16"/>
    <mergeCell ref="A17:D18"/>
    <mergeCell ref="A3:A4"/>
    <mergeCell ref="B3:D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5"/>
  <dimension ref="A1:O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72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8</v>
      </c>
      <c r="B3" s="53" t="s">
        <v>111</v>
      </c>
      <c r="C3" s="53"/>
      <c r="D3" s="53"/>
      <c r="E3" s="53"/>
      <c r="F3" s="53"/>
      <c r="G3" s="2"/>
    </row>
    <row r="4" spans="1:15" ht="42.75">
      <c r="A4" s="60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15">
      <c r="A5" s="56" t="s">
        <v>179</v>
      </c>
      <c r="B5" s="4">
        <v>956</v>
      </c>
      <c r="C5" s="4">
        <v>30</v>
      </c>
      <c r="D5" s="4">
        <v>1</v>
      </c>
      <c r="E5" s="4">
        <v>2</v>
      </c>
      <c r="F5" s="4">
        <v>989</v>
      </c>
    </row>
    <row r="6" spans="1:15">
      <c r="A6" s="61"/>
      <c r="B6" s="5">
        <v>0.96699999999999997</v>
      </c>
      <c r="C6" s="5">
        <v>0.03</v>
      </c>
      <c r="D6" s="5">
        <v>1E-3</v>
      </c>
      <c r="E6" s="5">
        <v>2E-3</v>
      </c>
      <c r="F6" s="5">
        <v>1</v>
      </c>
    </row>
    <row r="7" spans="1:15">
      <c r="A7" s="56" t="s">
        <v>180</v>
      </c>
      <c r="B7" s="4">
        <v>1820</v>
      </c>
      <c r="C7" s="4">
        <v>36</v>
      </c>
      <c r="D7" s="4">
        <v>3</v>
      </c>
      <c r="E7" s="4">
        <v>0</v>
      </c>
      <c r="F7" s="4">
        <v>1859</v>
      </c>
      <c r="K7" s="9"/>
      <c r="L7" s="9"/>
      <c r="M7" s="9"/>
      <c r="N7" s="9"/>
      <c r="O7" s="9"/>
    </row>
    <row r="8" spans="1:15">
      <c r="A8" s="57"/>
      <c r="B8" s="5">
        <v>0.97899999999999998</v>
      </c>
      <c r="C8" s="5">
        <v>1.9E-2</v>
      </c>
      <c r="D8" s="5">
        <v>2E-3</v>
      </c>
      <c r="E8" s="5">
        <v>0</v>
      </c>
      <c r="F8" s="5">
        <v>1</v>
      </c>
    </row>
    <row r="9" spans="1:15">
      <c r="A9" s="56" t="s">
        <v>181</v>
      </c>
      <c r="B9" s="6">
        <v>549</v>
      </c>
      <c r="C9" s="6">
        <v>26</v>
      </c>
      <c r="D9" s="6">
        <v>2</v>
      </c>
      <c r="E9" s="6">
        <v>0</v>
      </c>
      <c r="F9" s="6">
        <v>577</v>
      </c>
      <c r="K9" s="9"/>
      <c r="L9" s="9"/>
      <c r="M9" s="9"/>
      <c r="N9" s="9"/>
      <c r="O9" s="9"/>
    </row>
    <row r="10" spans="1:15">
      <c r="A10" s="57"/>
      <c r="B10" s="5">
        <v>0.95099999999999996</v>
      </c>
      <c r="C10" s="5">
        <v>4.4999999999999998E-2</v>
      </c>
      <c r="D10" s="5">
        <v>3.0000000000000001E-3</v>
      </c>
      <c r="E10" s="5">
        <v>0</v>
      </c>
      <c r="F10" s="5">
        <v>1</v>
      </c>
    </row>
    <row r="11" spans="1:15" ht="14.25" customHeight="1">
      <c r="A11" s="73" t="s">
        <v>182</v>
      </c>
      <c r="B11" s="6">
        <v>120</v>
      </c>
      <c r="C11" s="6">
        <v>12</v>
      </c>
      <c r="D11" s="6">
        <v>1</v>
      </c>
      <c r="E11" s="6">
        <v>0</v>
      </c>
      <c r="F11" s="6">
        <v>133</v>
      </c>
      <c r="K11" s="9"/>
      <c r="L11" s="9"/>
      <c r="M11" s="9"/>
      <c r="N11" s="9"/>
      <c r="O11" s="9"/>
    </row>
    <row r="12" spans="1:15">
      <c r="A12" s="74"/>
      <c r="B12" s="5">
        <v>0.90200000000000002</v>
      </c>
      <c r="C12" s="5">
        <v>0.09</v>
      </c>
      <c r="D12" s="5">
        <v>8.0000000000000002E-3</v>
      </c>
      <c r="E12" s="5">
        <v>0</v>
      </c>
      <c r="F12" s="5">
        <v>1</v>
      </c>
    </row>
    <row r="13" spans="1:15">
      <c r="A13" s="56" t="s">
        <v>171</v>
      </c>
      <c r="B13" s="6">
        <v>127</v>
      </c>
      <c r="C13" s="6">
        <v>0</v>
      </c>
      <c r="D13" s="6">
        <v>0</v>
      </c>
      <c r="E13" s="6">
        <v>0</v>
      </c>
      <c r="F13" s="6">
        <v>127</v>
      </c>
      <c r="K13" s="9"/>
      <c r="L13" s="9"/>
      <c r="M13" s="9"/>
      <c r="N13" s="9"/>
      <c r="O13" s="9"/>
    </row>
    <row r="14" spans="1:15">
      <c r="A14" s="57"/>
      <c r="B14" s="5">
        <v>1</v>
      </c>
      <c r="C14" s="5">
        <v>0</v>
      </c>
      <c r="D14" s="5">
        <v>0</v>
      </c>
      <c r="E14" s="5">
        <v>0</v>
      </c>
      <c r="F14" s="5">
        <v>1</v>
      </c>
    </row>
    <row r="15" spans="1:15">
      <c r="A15" s="56" t="s">
        <v>29</v>
      </c>
      <c r="B15" s="4">
        <v>3572</v>
      </c>
      <c r="C15" s="4">
        <v>104</v>
      </c>
      <c r="D15" s="4">
        <v>7</v>
      </c>
      <c r="E15" s="4">
        <v>2</v>
      </c>
      <c r="F15" s="4">
        <v>3685</v>
      </c>
      <c r="K15" s="9"/>
      <c r="L15" s="9"/>
      <c r="M15" s="9"/>
      <c r="N15" s="9"/>
      <c r="O15" s="9"/>
    </row>
    <row r="16" spans="1:15">
      <c r="A16" s="57"/>
      <c r="B16" s="5">
        <v>0.96899999999999997</v>
      </c>
      <c r="C16" s="5">
        <v>2.8000000000000001E-2</v>
      </c>
      <c r="D16" s="5">
        <v>2E-3</v>
      </c>
      <c r="E16" s="5">
        <v>1E-3</v>
      </c>
      <c r="F16" s="5">
        <v>1</v>
      </c>
    </row>
    <row r="17" spans="1:15">
      <c r="A17" s="54" t="s">
        <v>105</v>
      </c>
      <c r="B17" s="54"/>
      <c r="C17" s="54"/>
      <c r="D17" s="54"/>
      <c r="E17" s="54"/>
      <c r="F17" s="54"/>
      <c r="K17" s="9"/>
      <c r="L17" s="9"/>
      <c r="M17" s="9"/>
      <c r="N17" s="9"/>
      <c r="O17" s="9"/>
    </row>
    <row r="18" spans="1:15">
      <c r="A18" s="55"/>
      <c r="B18" s="55"/>
      <c r="C18" s="55"/>
      <c r="D18" s="55"/>
      <c r="E18" s="55"/>
      <c r="F18" s="55"/>
    </row>
    <row r="19" spans="1:15">
      <c r="K19" s="9"/>
      <c r="L19" s="9"/>
      <c r="M19" s="9"/>
      <c r="N19" s="9"/>
      <c r="O19" s="9"/>
    </row>
    <row r="21" spans="1:15">
      <c r="K21" s="9"/>
      <c r="L21" s="9"/>
      <c r="M21" s="9"/>
      <c r="N21" s="9"/>
      <c r="O21" s="9"/>
    </row>
    <row r="23" spans="1:15">
      <c r="K23" s="9"/>
      <c r="L23" s="9"/>
      <c r="M23" s="9"/>
      <c r="N23" s="9"/>
      <c r="O23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6"/>
  <dimension ref="A1:O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73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8</v>
      </c>
      <c r="B3" s="53" t="s">
        <v>519</v>
      </c>
      <c r="C3" s="53"/>
      <c r="D3" s="53"/>
      <c r="E3" s="53"/>
      <c r="F3" s="53"/>
      <c r="G3" s="2"/>
    </row>
    <row r="4" spans="1:15">
      <c r="A4" s="60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15">
      <c r="A5" s="56" t="s">
        <v>179</v>
      </c>
      <c r="B5" s="4">
        <v>455</v>
      </c>
      <c r="C5" s="4">
        <v>397</v>
      </c>
      <c r="D5" s="4">
        <v>79</v>
      </c>
      <c r="E5" s="4">
        <v>25</v>
      </c>
      <c r="F5" s="4">
        <v>956</v>
      </c>
    </row>
    <row r="6" spans="1:15">
      <c r="A6" s="61"/>
      <c r="B6" s="5">
        <v>0.47599999999999998</v>
      </c>
      <c r="C6" s="5">
        <v>0.41499999999999998</v>
      </c>
      <c r="D6" s="5">
        <v>8.3000000000000004E-2</v>
      </c>
      <c r="E6" s="5">
        <v>2.5999999999999999E-2</v>
      </c>
      <c r="F6" s="5">
        <v>1</v>
      </c>
    </row>
    <row r="7" spans="1:15">
      <c r="A7" s="56" t="s">
        <v>180</v>
      </c>
      <c r="B7" s="6">
        <v>791</v>
      </c>
      <c r="C7" s="6">
        <v>877</v>
      </c>
      <c r="D7" s="6">
        <v>110</v>
      </c>
      <c r="E7" s="6">
        <v>42</v>
      </c>
      <c r="F7" s="4">
        <v>1820</v>
      </c>
      <c r="K7" s="9"/>
      <c r="L7" s="9"/>
      <c r="M7" s="9"/>
      <c r="N7" s="9"/>
      <c r="O7" s="9"/>
    </row>
    <row r="8" spans="1:15">
      <c r="A8" s="57"/>
      <c r="B8" s="5">
        <v>0.435</v>
      </c>
      <c r="C8" s="5">
        <v>0.48199999999999998</v>
      </c>
      <c r="D8" s="5">
        <v>0.06</v>
      </c>
      <c r="E8" s="5">
        <v>2.3E-2</v>
      </c>
      <c r="F8" s="5">
        <v>1</v>
      </c>
    </row>
    <row r="9" spans="1:15">
      <c r="A9" s="56" t="s">
        <v>181</v>
      </c>
      <c r="B9" s="6">
        <v>246</v>
      </c>
      <c r="C9" s="6">
        <v>235</v>
      </c>
      <c r="D9" s="6">
        <v>48</v>
      </c>
      <c r="E9" s="6">
        <v>20</v>
      </c>
      <c r="F9" s="6">
        <v>549</v>
      </c>
      <c r="K9" s="9"/>
      <c r="L9" s="9"/>
      <c r="M9" s="9"/>
      <c r="N9" s="9"/>
      <c r="O9" s="9"/>
    </row>
    <row r="10" spans="1:15">
      <c r="A10" s="57"/>
      <c r="B10" s="5">
        <v>0.44800000000000001</v>
      </c>
      <c r="C10" s="5">
        <v>0.42799999999999999</v>
      </c>
      <c r="D10" s="5">
        <v>8.6999999999999994E-2</v>
      </c>
      <c r="E10" s="5">
        <v>3.5999999999999997E-2</v>
      </c>
      <c r="F10" s="5">
        <v>1</v>
      </c>
    </row>
    <row r="11" spans="1:15" ht="14.25" customHeight="1">
      <c r="A11" s="73" t="s">
        <v>182</v>
      </c>
      <c r="B11" s="6">
        <v>45</v>
      </c>
      <c r="C11" s="6">
        <v>63</v>
      </c>
      <c r="D11" s="6">
        <v>7</v>
      </c>
      <c r="E11" s="6">
        <v>5</v>
      </c>
      <c r="F11" s="6">
        <v>120</v>
      </c>
      <c r="K11" s="9"/>
      <c r="L11" s="9"/>
      <c r="M11" s="9"/>
      <c r="N11" s="9"/>
      <c r="O11" s="9"/>
    </row>
    <row r="12" spans="1:15">
      <c r="A12" s="74"/>
      <c r="B12" s="5">
        <v>0.375</v>
      </c>
      <c r="C12" s="5">
        <v>0.52500000000000002</v>
      </c>
      <c r="D12" s="5">
        <v>5.8000000000000003E-2</v>
      </c>
      <c r="E12" s="5">
        <v>4.2000000000000003E-2</v>
      </c>
      <c r="F12" s="5">
        <v>1</v>
      </c>
    </row>
    <row r="13" spans="1:15">
      <c r="A13" s="56" t="s">
        <v>171</v>
      </c>
      <c r="B13" s="6">
        <v>54</v>
      </c>
      <c r="C13" s="6">
        <v>53</v>
      </c>
      <c r="D13" s="6">
        <v>12</v>
      </c>
      <c r="E13" s="6">
        <v>8</v>
      </c>
      <c r="F13" s="6">
        <v>127</v>
      </c>
      <c r="K13" s="9"/>
      <c r="L13" s="9"/>
      <c r="M13" s="9"/>
      <c r="N13" s="9"/>
      <c r="O13" s="9"/>
    </row>
    <row r="14" spans="1:15">
      <c r="A14" s="57"/>
      <c r="B14" s="5">
        <v>0.42499999999999999</v>
      </c>
      <c r="C14" s="5">
        <v>0.41699999999999998</v>
      </c>
      <c r="D14" s="5">
        <v>9.4E-2</v>
      </c>
      <c r="E14" s="5">
        <v>6.3E-2</v>
      </c>
      <c r="F14" s="5">
        <v>1</v>
      </c>
    </row>
    <row r="15" spans="1:15">
      <c r="A15" s="56" t="s">
        <v>29</v>
      </c>
      <c r="B15" s="4">
        <v>1591</v>
      </c>
      <c r="C15" s="4">
        <v>1625</v>
      </c>
      <c r="D15" s="4">
        <v>256</v>
      </c>
      <c r="E15" s="4">
        <v>100</v>
      </c>
      <c r="F15" s="4">
        <v>3572</v>
      </c>
      <c r="K15" s="9"/>
      <c r="L15" s="9"/>
      <c r="M15" s="9"/>
      <c r="N15" s="9"/>
      <c r="O15" s="9"/>
    </row>
    <row r="16" spans="1:15">
      <c r="A16" s="57"/>
      <c r="B16" s="5">
        <v>0.44500000000000001</v>
      </c>
      <c r="C16" s="5">
        <v>0.45500000000000002</v>
      </c>
      <c r="D16" s="5">
        <v>7.1999999999999995E-2</v>
      </c>
      <c r="E16" s="5">
        <v>2.8000000000000001E-2</v>
      </c>
      <c r="F16" s="5">
        <v>1</v>
      </c>
    </row>
    <row r="17" spans="1:15">
      <c r="A17" s="54" t="s">
        <v>520</v>
      </c>
      <c r="B17" s="54"/>
      <c r="C17" s="54"/>
      <c r="D17" s="54"/>
      <c r="E17" s="54"/>
      <c r="F17" s="54"/>
      <c r="K17" s="9"/>
      <c r="L17" s="9"/>
      <c r="M17" s="9"/>
      <c r="N17" s="9"/>
      <c r="O17" s="9"/>
    </row>
    <row r="18" spans="1:15">
      <c r="A18" s="55"/>
      <c r="B18" s="55"/>
      <c r="C18" s="55"/>
      <c r="D18" s="55"/>
      <c r="E18" s="55"/>
      <c r="F18" s="55"/>
    </row>
    <row r="19" spans="1:15">
      <c r="K19" s="9"/>
      <c r="L19" s="9"/>
      <c r="M19" s="9"/>
      <c r="N19" s="9"/>
      <c r="O19" s="9"/>
    </row>
    <row r="21" spans="1:15">
      <c r="K21" s="9"/>
      <c r="L21" s="9"/>
      <c r="M21" s="9"/>
      <c r="N21" s="9"/>
      <c r="O21" s="9"/>
    </row>
    <row r="23" spans="1:15">
      <c r="K23" s="9"/>
      <c r="L23" s="9"/>
      <c r="M23" s="9"/>
      <c r="N23" s="9"/>
      <c r="O23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7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77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78</v>
      </c>
      <c r="B3" s="53" t="s">
        <v>113</v>
      </c>
      <c r="C3" s="53"/>
      <c r="D3" s="53"/>
      <c r="E3" s="53"/>
      <c r="F3" s="2"/>
    </row>
    <row r="4" spans="1:13" ht="28.5">
      <c r="A4" s="60"/>
      <c r="B4" s="8" t="s">
        <v>579</v>
      </c>
      <c r="C4" s="8" t="s">
        <v>578</v>
      </c>
      <c r="D4" s="8" t="s">
        <v>42</v>
      </c>
      <c r="E4" s="8" t="s">
        <v>29</v>
      </c>
    </row>
    <row r="5" spans="1:13">
      <c r="A5" s="56" t="s">
        <v>179</v>
      </c>
      <c r="B5" s="4">
        <v>978</v>
      </c>
      <c r="C5" s="4">
        <v>7</v>
      </c>
      <c r="D5" s="4">
        <v>4</v>
      </c>
      <c r="E5" s="4">
        <v>989</v>
      </c>
    </row>
    <row r="6" spans="1:13">
      <c r="A6" s="61"/>
      <c r="B6" s="5">
        <v>0.98899999999999999</v>
      </c>
      <c r="C6" s="5">
        <v>7.0000000000000001E-3</v>
      </c>
      <c r="D6" s="5">
        <v>4.0000000000000001E-3</v>
      </c>
      <c r="E6" s="5">
        <v>1</v>
      </c>
    </row>
    <row r="7" spans="1:13">
      <c r="A7" s="56" t="s">
        <v>180</v>
      </c>
      <c r="B7" s="4">
        <v>1841</v>
      </c>
      <c r="C7" s="4">
        <v>16</v>
      </c>
      <c r="D7" s="4">
        <v>2</v>
      </c>
      <c r="E7" s="4">
        <v>1859</v>
      </c>
    </row>
    <row r="8" spans="1:13">
      <c r="A8" s="57"/>
      <c r="B8" s="5">
        <v>0.99</v>
      </c>
      <c r="C8" s="5">
        <v>8.9999999999999993E-3</v>
      </c>
      <c r="D8" s="5">
        <v>1E-3</v>
      </c>
      <c r="E8" s="5">
        <v>1</v>
      </c>
      <c r="J8" s="9"/>
      <c r="K8" s="9"/>
      <c r="L8" s="9"/>
      <c r="M8" s="9"/>
    </row>
    <row r="9" spans="1:13">
      <c r="A9" s="56" t="s">
        <v>181</v>
      </c>
      <c r="B9" s="6">
        <v>564</v>
      </c>
      <c r="C9" s="6">
        <v>10</v>
      </c>
      <c r="D9" s="6">
        <v>3</v>
      </c>
      <c r="E9" s="6">
        <v>577</v>
      </c>
    </row>
    <row r="10" spans="1:13">
      <c r="A10" s="57"/>
      <c r="B10" s="5">
        <v>0.97699999999999998</v>
      </c>
      <c r="C10" s="5">
        <v>1.7000000000000001E-2</v>
      </c>
      <c r="D10" s="5">
        <v>5.0000000000000001E-3</v>
      </c>
      <c r="E10" s="5">
        <v>1</v>
      </c>
      <c r="J10" s="9"/>
      <c r="K10" s="9"/>
      <c r="L10" s="9"/>
      <c r="M10" s="9"/>
    </row>
    <row r="11" spans="1:13" ht="14.25" customHeight="1">
      <c r="A11" s="73" t="s">
        <v>182</v>
      </c>
      <c r="B11" s="6">
        <v>127</v>
      </c>
      <c r="C11" s="6">
        <v>6</v>
      </c>
      <c r="D11" s="6">
        <v>0</v>
      </c>
      <c r="E11" s="6">
        <v>133</v>
      </c>
    </row>
    <row r="12" spans="1:13">
      <c r="A12" s="74"/>
      <c r="B12" s="5">
        <v>0.95499999999999996</v>
      </c>
      <c r="C12" s="5">
        <v>4.4999999999999998E-2</v>
      </c>
      <c r="D12" s="5">
        <v>0</v>
      </c>
      <c r="E12" s="5">
        <v>1</v>
      </c>
      <c r="J12" s="9"/>
      <c r="K12" s="9"/>
      <c r="L12" s="9"/>
      <c r="M12" s="9"/>
    </row>
    <row r="13" spans="1:13">
      <c r="A13" s="56" t="s">
        <v>171</v>
      </c>
      <c r="B13" s="6">
        <v>127</v>
      </c>
      <c r="C13" s="6">
        <v>0</v>
      </c>
      <c r="D13" s="6">
        <v>0</v>
      </c>
      <c r="E13" s="6">
        <v>127</v>
      </c>
    </row>
    <row r="14" spans="1:13">
      <c r="A14" s="57"/>
      <c r="B14" s="5">
        <v>1</v>
      </c>
      <c r="C14" s="5">
        <v>0</v>
      </c>
      <c r="D14" s="5">
        <v>0</v>
      </c>
      <c r="E14" s="5">
        <v>1</v>
      </c>
      <c r="J14" s="9"/>
      <c r="K14" s="9"/>
      <c r="L14" s="9"/>
      <c r="M14" s="9"/>
    </row>
    <row r="15" spans="1:13">
      <c r="A15" s="56" t="s">
        <v>29</v>
      </c>
      <c r="B15" s="4">
        <v>3637</v>
      </c>
      <c r="C15" s="4">
        <v>39</v>
      </c>
      <c r="D15" s="4">
        <v>9</v>
      </c>
      <c r="E15" s="4">
        <v>3685</v>
      </c>
    </row>
    <row r="16" spans="1:13">
      <c r="A16" s="57"/>
      <c r="B16" s="5">
        <v>0.98699999999999999</v>
      </c>
      <c r="C16" s="5">
        <v>1.0999999999999999E-2</v>
      </c>
      <c r="D16" s="5">
        <v>2E-3</v>
      </c>
      <c r="E16" s="5">
        <v>1</v>
      </c>
      <c r="J16" s="9"/>
      <c r="K16" s="9"/>
      <c r="L16" s="9"/>
      <c r="M16" s="9"/>
    </row>
    <row r="17" spans="1:13">
      <c r="A17" s="54" t="s">
        <v>106</v>
      </c>
      <c r="B17" s="54"/>
      <c r="C17" s="54"/>
      <c r="D17" s="54"/>
      <c r="E17" s="54"/>
    </row>
    <row r="18" spans="1:13">
      <c r="A18" s="55"/>
      <c r="B18" s="55"/>
      <c r="C18" s="55"/>
      <c r="D18" s="55"/>
      <c r="E18" s="55"/>
      <c r="J18" s="9"/>
      <c r="K18" s="9"/>
      <c r="L18" s="9"/>
      <c r="M18" s="9"/>
    </row>
    <row r="20" spans="1:13"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99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26</v>
      </c>
      <c r="B3" s="53" t="s">
        <v>100</v>
      </c>
      <c r="C3" s="53"/>
      <c r="D3" s="53"/>
      <c r="E3" s="53"/>
      <c r="F3" s="53"/>
      <c r="G3" s="2"/>
    </row>
    <row r="4" spans="1:15" ht="28.5">
      <c r="A4" s="60"/>
      <c r="B4" s="8" t="s">
        <v>143</v>
      </c>
      <c r="C4" s="8" t="s">
        <v>144</v>
      </c>
      <c r="D4" s="8" t="s">
        <v>145</v>
      </c>
      <c r="E4" s="8" t="s">
        <v>42</v>
      </c>
      <c r="F4" s="8" t="s">
        <v>29</v>
      </c>
    </row>
    <row r="5" spans="1:15">
      <c r="A5" s="56" t="s">
        <v>30</v>
      </c>
      <c r="B5" s="4">
        <v>355</v>
      </c>
      <c r="C5" s="4">
        <v>793</v>
      </c>
      <c r="D5" s="4">
        <v>258</v>
      </c>
      <c r="E5" s="4">
        <v>0</v>
      </c>
      <c r="F5" s="4">
        <v>1406</v>
      </c>
    </row>
    <row r="6" spans="1:15">
      <c r="A6" s="61"/>
      <c r="B6" s="5">
        <v>0.252</v>
      </c>
      <c r="C6" s="5">
        <v>0.56399999999999995</v>
      </c>
      <c r="D6" s="5">
        <v>0.183</v>
      </c>
      <c r="E6" s="5">
        <v>0</v>
      </c>
      <c r="F6" s="5">
        <v>1</v>
      </c>
    </row>
    <row r="7" spans="1:15">
      <c r="A7" s="56" t="s">
        <v>31</v>
      </c>
      <c r="B7" s="6">
        <v>189</v>
      </c>
      <c r="C7" s="6">
        <v>447</v>
      </c>
      <c r="D7" s="6">
        <v>129</v>
      </c>
      <c r="E7" s="6">
        <v>0</v>
      </c>
      <c r="F7" s="4">
        <v>765</v>
      </c>
    </row>
    <row r="8" spans="1:15">
      <c r="A8" s="57"/>
      <c r="B8" s="5">
        <v>0.247</v>
      </c>
      <c r="C8" s="5">
        <v>0.58399999999999996</v>
      </c>
      <c r="D8" s="5">
        <v>0.16900000000000001</v>
      </c>
      <c r="E8" s="5">
        <v>0</v>
      </c>
      <c r="F8" s="5">
        <v>1</v>
      </c>
      <c r="K8" s="9"/>
      <c r="L8" s="9"/>
      <c r="M8" s="9"/>
      <c r="N8" s="9"/>
      <c r="O8" s="9"/>
    </row>
    <row r="9" spans="1:15">
      <c r="A9" s="56" t="s">
        <v>32</v>
      </c>
      <c r="B9" s="6">
        <v>72</v>
      </c>
      <c r="C9" s="6">
        <v>133</v>
      </c>
      <c r="D9" s="6">
        <v>34</v>
      </c>
      <c r="E9" s="6">
        <v>1</v>
      </c>
      <c r="F9" s="6">
        <v>240</v>
      </c>
    </row>
    <row r="10" spans="1:15">
      <c r="A10" s="57"/>
      <c r="B10" s="5">
        <v>0.3</v>
      </c>
      <c r="C10" s="5">
        <v>0.55400000000000005</v>
      </c>
      <c r="D10" s="5">
        <v>0.14199999999999999</v>
      </c>
      <c r="E10" s="5">
        <v>4.0000000000000001E-3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58" t="s">
        <v>38</v>
      </c>
      <c r="B11" s="6">
        <v>52</v>
      </c>
      <c r="C11" s="6">
        <v>117</v>
      </c>
      <c r="D11" s="6">
        <v>29</v>
      </c>
      <c r="E11" s="6">
        <v>1</v>
      </c>
      <c r="F11" s="6">
        <v>199</v>
      </c>
    </row>
    <row r="12" spans="1:15">
      <c r="A12" s="59"/>
      <c r="B12" s="5">
        <v>0.26100000000000001</v>
      </c>
      <c r="C12" s="5">
        <v>0.58799999999999997</v>
      </c>
      <c r="D12" s="5">
        <v>0.14599999999999999</v>
      </c>
      <c r="E12" s="5">
        <v>5.0000000000000001E-3</v>
      </c>
      <c r="F12" s="5">
        <v>1</v>
      </c>
      <c r="K12" s="9"/>
      <c r="L12" s="9"/>
      <c r="M12" s="9"/>
      <c r="N12" s="9"/>
      <c r="O12" s="9"/>
    </row>
    <row r="13" spans="1:15">
      <c r="A13" s="56" t="s">
        <v>33</v>
      </c>
      <c r="B13" s="6">
        <v>65</v>
      </c>
      <c r="C13" s="6">
        <v>175</v>
      </c>
      <c r="D13" s="6">
        <v>49</v>
      </c>
      <c r="E13" s="6">
        <v>0</v>
      </c>
      <c r="F13" s="6">
        <v>289</v>
      </c>
    </row>
    <row r="14" spans="1:15">
      <c r="A14" s="57"/>
      <c r="B14" s="5">
        <v>0.22500000000000001</v>
      </c>
      <c r="C14" s="5">
        <v>0.60599999999999998</v>
      </c>
      <c r="D14" s="5">
        <v>0.17</v>
      </c>
      <c r="E14" s="5">
        <v>0</v>
      </c>
      <c r="F14" s="5">
        <v>1</v>
      </c>
      <c r="K14" s="9"/>
      <c r="L14" s="9"/>
      <c r="M14" s="9"/>
      <c r="N14" s="9"/>
      <c r="O14" s="9"/>
    </row>
    <row r="15" spans="1:15">
      <c r="A15" s="56" t="s">
        <v>34</v>
      </c>
      <c r="B15" s="6">
        <v>73</v>
      </c>
      <c r="C15" s="6">
        <v>138</v>
      </c>
      <c r="D15" s="6">
        <v>41</v>
      </c>
      <c r="E15" s="6">
        <v>0</v>
      </c>
      <c r="F15" s="6">
        <v>252</v>
      </c>
    </row>
    <row r="16" spans="1:15">
      <c r="A16" s="57"/>
      <c r="B16" s="5">
        <v>0.28999999999999998</v>
      </c>
      <c r="C16" s="5">
        <v>0.54800000000000004</v>
      </c>
      <c r="D16" s="5">
        <v>0.16300000000000001</v>
      </c>
      <c r="E16" s="5">
        <v>0</v>
      </c>
      <c r="F16" s="5">
        <v>1</v>
      </c>
      <c r="K16" s="9"/>
      <c r="L16" s="9"/>
      <c r="M16" s="9"/>
      <c r="N16" s="9"/>
      <c r="O16" s="9"/>
    </row>
    <row r="17" spans="1:15">
      <c r="A17" s="56" t="s">
        <v>35</v>
      </c>
      <c r="B17" s="6">
        <v>101</v>
      </c>
      <c r="C17" s="6">
        <v>209</v>
      </c>
      <c r="D17" s="6">
        <v>66</v>
      </c>
      <c r="E17" s="6">
        <v>0</v>
      </c>
      <c r="F17" s="6">
        <v>376</v>
      </c>
    </row>
    <row r="18" spans="1:15">
      <c r="A18" s="57"/>
      <c r="B18" s="5">
        <v>0.26900000000000002</v>
      </c>
      <c r="C18" s="5">
        <v>0.55600000000000005</v>
      </c>
      <c r="D18" s="5">
        <v>0.17599999999999999</v>
      </c>
      <c r="E18" s="5">
        <v>0</v>
      </c>
      <c r="F18" s="5">
        <v>1</v>
      </c>
      <c r="K18" s="9"/>
      <c r="L18" s="9"/>
      <c r="M18" s="9"/>
      <c r="N18" s="9"/>
      <c r="O18" s="9"/>
    </row>
    <row r="19" spans="1:15">
      <c r="A19" s="56" t="s">
        <v>36</v>
      </c>
      <c r="B19" s="6">
        <v>28</v>
      </c>
      <c r="C19" s="6">
        <v>102</v>
      </c>
      <c r="D19" s="6">
        <v>28</v>
      </c>
      <c r="E19" s="6">
        <v>0</v>
      </c>
      <c r="F19" s="6">
        <v>158</v>
      </c>
    </row>
    <row r="20" spans="1:15">
      <c r="A20" s="57"/>
      <c r="B20" s="5">
        <v>0.17699999999999999</v>
      </c>
      <c r="C20" s="5">
        <v>0.64600000000000002</v>
      </c>
      <c r="D20" s="5">
        <v>0.17699999999999999</v>
      </c>
      <c r="E20" s="5">
        <v>0</v>
      </c>
      <c r="F20" s="5">
        <v>1</v>
      </c>
      <c r="K20" s="9"/>
      <c r="L20" s="9"/>
      <c r="M20" s="9"/>
      <c r="N20" s="9"/>
      <c r="O20" s="9"/>
    </row>
    <row r="21" spans="1:15">
      <c r="A21" s="56" t="s">
        <v>29</v>
      </c>
      <c r="B21" s="4">
        <v>935</v>
      </c>
      <c r="C21" s="4">
        <v>2114</v>
      </c>
      <c r="D21" s="4">
        <v>634</v>
      </c>
      <c r="E21" s="4">
        <v>2</v>
      </c>
      <c r="F21" s="4">
        <v>3685</v>
      </c>
    </row>
    <row r="22" spans="1:15">
      <c r="A22" s="57"/>
      <c r="B22" s="5">
        <v>0.254</v>
      </c>
      <c r="C22" s="5">
        <v>0.57399999999999995</v>
      </c>
      <c r="D22" s="5">
        <v>0.17199999999999999</v>
      </c>
      <c r="E22" s="5">
        <v>1E-3</v>
      </c>
      <c r="F22" s="5">
        <v>1</v>
      </c>
      <c r="K22" s="9"/>
      <c r="L22" s="9"/>
      <c r="M22" s="9"/>
      <c r="N22" s="9"/>
      <c r="O22" s="9"/>
    </row>
    <row r="23" spans="1:15">
      <c r="A23" s="54" t="s">
        <v>101</v>
      </c>
      <c r="B23" s="54"/>
      <c r="C23" s="54"/>
      <c r="D23" s="54"/>
      <c r="E23" s="54"/>
      <c r="F23" s="54"/>
    </row>
    <row r="24" spans="1:15">
      <c r="A24" s="55"/>
      <c r="B24" s="55"/>
      <c r="C24" s="55"/>
      <c r="D24" s="55"/>
      <c r="E24" s="55"/>
      <c r="F24" s="55"/>
      <c r="K24" s="9"/>
      <c r="L24" s="9"/>
      <c r="M24" s="9"/>
      <c r="N24" s="9"/>
      <c r="O24" s="9"/>
    </row>
  </sheetData>
  <mergeCells count="12">
    <mergeCell ref="A23:F24"/>
    <mergeCell ref="A3:A4"/>
    <mergeCell ref="B3:F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8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2" width="9" style="1"/>
    <col min="3" max="3" width="9.5" style="1" bestFit="1" customWidth="1"/>
    <col min="4" max="16384" width="9" style="1"/>
  </cols>
  <sheetData>
    <row r="1" spans="1:15">
      <c r="A1" s="1" t="s">
        <v>580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8</v>
      </c>
      <c r="B3" s="53" t="s">
        <v>114</v>
      </c>
      <c r="C3" s="53"/>
      <c r="D3" s="53"/>
      <c r="E3" s="53"/>
      <c r="F3" s="53"/>
      <c r="G3" s="2"/>
    </row>
    <row r="4" spans="1:15">
      <c r="A4" s="60"/>
      <c r="B4" s="8" t="s">
        <v>153</v>
      </c>
      <c r="C4" s="8" t="s">
        <v>581</v>
      </c>
      <c r="D4" s="8" t="s">
        <v>155</v>
      </c>
      <c r="E4" s="8" t="s">
        <v>42</v>
      </c>
      <c r="F4" s="8" t="s">
        <v>29</v>
      </c>
    </row>
    <row r="5" spans="1:15">
      <c r="A5" s="56" t="s">
        <v>179</v>
      </c>
      <c r="B5" s="4">
        <v>222</v>
      </c>
      <c r="C5" s="4">
        <v>347</v>
      </c>
      <c r="D5" s="4">
        <v>411</v>
      </c>
      <c r="E5" s="4">
        <v>9</v>
      </c>
      <c r="F5" s="4">
        <v>989</v>
      </c>
    </row>
    <row r="6" spans="1:15">
      <c r="A6" s="61"/>
      <c r="B6" s="5">
        <v>0.224</v>
      </c>
      <c r="C6" s="5">
        <v>0.35099999999999998</v>
      </c>
      <c r="D6" s="5">
        <v>0.41599999999999998</v>
      </c>
      <c r="E6" s="5">
        <v>8.9999999999999993E-3</v>
      </c>
      <c r="F6" s="5">
        <v>1</v>
      </c>
    </row>
    <row r="7" spans="1:15">
      <c r="A7" s="56" t="s">
        <v>180</v>
      </c>
      <c r="B7" s="6">
        <v>319</v>
      </c>
      <c r="C7" s="6">
        <v>603</v>
      </c>
      <c r="D7" s="6">
        <v>922</v>
      </c>
      <c r="E7" s="6">
        <v>15</v>
      </c>
      <c r="F7" s="4">
        <v>1859</v>
      </c>
    </row>
    <row r="8" spans="1:15">
      <c r="A8" s="57"/>
      <c r="B8" s="5">
        <v>0.17199999999999999</v>
      </c>
      <c r="C8" s="5">
        <v>0.32400000000000001</v>
      </c>
      <c r="D8" s="5">
        <v>0.496</v>
      </c>
      <c r="E8" s="5">
        <v>8.0000000000000002E-3</v>
      </c>
      <c r="F8" s="5">
        <v>1</v>
      </c>
      <c r="K8" s="9"/>
      <c r="L8" s="9"/>
      <c r="M8" s="9"/>
      <c r="N8" s="9"/>
      <c r="O8" s="9"/>
    </row>
    <row r="9" spans="1:15">
      <c r="A9" s="56" t="s">
        <v>181</v>
      </c>
      <c r="B9" s="6">
        <v>84</v>
      </c>
      <c r="C9" s="6">
        <v>173</v>
      </c>
      <c r="D9" s="6">
        <v>315</v>
      </c>
      <c r="E9" s="6">
        <v>5</v>
      </c>
      <c r="F9" s="6">
        <v>577</v>
      </c>
    </row>
    <row r="10" spans="1:15">
      <c r="A10" s="57"/>
      <c r="B10" s="5">
        <v>0.14599999999999999</v>
      </c>
      <c r="C10" s="5">
        <v>0.3</v>
      </c>
      <c r="D10" s="5">
        <v>0.54600000000000004</v>
      </c>
      <c r="E10" s="5">
        <v>8.9999999999999993E-3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73" t="s">
        <v>182</v>
      </c>
      <c r="B11" s="6">
        <v>17</v>
      </c>
      <c r="C11" s="6">
        <v>34</v>
      </c>
      <c r="D11" s="6">
        <v>81</v>
      </c>
      <c r="E11" s="6">
        <v>1</v>
      </c>
      <c r="F11" s="6">
        <v>133</v>
      </c>
    </row>
    <row r="12" spans="1:15">
      <c r="A12" s="74"/>
      <c r="B12" s="5">
        <v>0.128</v>
      </c>
      <c r="C12" s="5">
        <v>0.25600000000000001</v>
      </c>
      <c r="D12" s="5">
        <v>0.60899999999999999</v>
      </c>
      <c r="E12" s="5">
        <v>8.0000000000000002E-3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28</v>
      </c>
      <c r="C13" s="6">
        <v>35</v>
      </c>
      <c r="D13" s="6">
        <v>63</v>
      </c>
      <c r="E13" s="6">
        <v>1</v>
      </c>
      <c r="F13" s="6">
        <v>127</v>
      </c>
    </row>
    <row r="14" spans="1:15">
      <c r="A14" s="57"/>
      <c r="B14" s="5">
        <v>0.22</v>
      </c>
      <c r="C14" s="5">
        <v>0.27600000000000002</v>
      </c>
      <c r="D14" s="5">
        <v>0.496</v>
      </c>
      <c r="E14" s="5">
        <v>8.0000000000000002E-3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670</v>
      </c>
      <c r="C15" s="4">
        <v>1192</v>
      </c>
      <c r="D15" s="4">
        <v>1792</v>
      </c>
      <c r="E15" s="4">
        <v>31</v>
      </c>
      <c r="F15" s="4">
        <v>3685</v>
      </c>
    </row>
    <row r="16" spans="1:15">
      <c r="A16" s="57"/>
      <c r="B16" s="5">
        <v>0.182</v>
      </c>
      <c r="C16" s="5">
        <v>0.32300000000000001</v>
      </c>
      <c r="D16" s="5">
        <v>0.48599999999999999</v>
      </c>
      <c r="E16" s="5">
        <v>8.0000000000000002E-3</v>
      </c>
      <c r="F16" s="5">
        <v>1</v>
      </c>
      <c r="K16" s="9"/>
      <c r="L16" s="9"/>
      <c r="M16" s="9"/>
      <c r="N16" s="9"/>
      <c r="O16" s="9"/>
    </row>
    <row r="17" spans="1:15">
      <c r="A17" s="54" t="s">
        <v>115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9"/>
  <dimension ref="A1:R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8">
      <c r="A1" s="1" t="s">
        <v>582</v>
      </c>
    </row>
    <row r="2" spans="1:18" ht="14.25" customHeight="1">
      <c r="A2" s="41" t="s">
        <v>812</v>
      </c>
      <c r="C2" s="7"/>
      <c r="D2" s="7"/>
      <c r="E2" s="7"/>
      <c r="F2" s="7"/>
      <c r="G2" s="7"/>
    </row>
    <row r="3" spans="1:18" ht="14.25" customHeight="1">
      <c r="A3" s="60" t="s">
        <v>178</v>
      </c>
      <c r="B3" s="53" t="s">
        <v>116</v>
      </c>
      <c r="C3" s="53"/>
      <c r="D3" s="53"/>
      <c r="E3" s="53"/>
      <c r="F3" s="53"/>
      <c r="G3" s="53"/>
      <c r="H3" s="2"/>
    </row>
    <row r="4" spans="1:18" ht="28.5">
      <c r="A4" s="60"/>
      <c r="B4" s="8" t="s">
        <v>583</v>
      </c>
      <c r="C4" s="8" t="s">
        <v>157</v>
      </c>
      <c r="D4" s="8" t="s">
        <v>584</v>
      </c>
      <c r="E4" s="8" t="s">
        <v>559</v>
      </c>
      <c r="F4" s="8" t="s">
        <v>42</v>
      </c>
      <c r="G4" s="8" t="s">
        <v>29</v>
      </c>
    </row>
    <row r="5" spans="1:18">
      <c r="A5" s="56" t="s">
        <v>179</v>
      </c>
      <c r="B5" s="4">
        <v>750</v>
      </c>
      <c r="C5" s="4">
        <v>69</v>
      </c>
      <c r="D5" s="4">
        <v>124</v>
      </c>
      <c r="E5" s="4">
        <v>39</v>
      </c>
      <c r="F5" s="4">
        <v>7</v>
      </c>
      <c r="G5" s="4">
        <v>989</v>
      </c>
    </row>
    <row r="6" spans="1:18">
      <c r="A6" s="61"/>
      <c r="B6" s="5">
        <v>0.75800000000000001</v>
      </c>
      <c r="C6" s="5">
        <v>7.0000000000000007E-2</v>
      </c>
      <c r="D6" s="5">
        <v>0.125</v>
      </c>
      <c r="E6" s="5">
        <v>3.9E-2</v>
      </c>
      <c r="F6" s="5">
        <v>7.0000000000000001E-3</v>
      </c>
      <c r="G6" s="5">
        <v>1</v>
      </c>
    </row>
    <row r="7" spans="1:18">
      <c r="A7" s="56" t="s">
        <v>180</v>
      </c>
      <c r="B7" s="4">
        <v>1449</v>
      </c>
      <c r="C7" s="4">
        <v>124</v>
      </c>
      <c r="D7" s="4">
        <v>223</v>
      </c>
      <c r="E7" s="4">
        <v>56</v>
      </c>
      <c r="F7" s="4">
        <v>7</v>
      </c>
      <c r="G7" s="4">
        <v>1859</v>
      </c>
    </row>
    <row r="8" spans="1:18">
      <c r="A8" s="57"/>
      <c r="B8" s="5">
        <v>0.77900000000000003</v>
      </c>
      <c r="C8" s="5">
        <v>6.7000000000000004E-2</v>
      </c>
      <c r="D8" s="5">
        <v>0.12</v>
      </c>
      <c r="E8" s="5">
        <v>0.03</v>
      </c>
      <c r="F8" s="5">
        <v>4.0000000000000001E-3</v>
      </c>
      <c r="G8" s="5">
        <v>1</v>
      </c>
      <c r="L8" s="9"/>
      <c r="M8" s="9"/>
      <c r="N8" s="9"/>
      <c r="O8" s="9"/>
      <c r="P8" s="9"/>
      <c r="Q8" s="9"/>
      <c r="R8" s="9"/>
    </row>
    <row r="9" spans="1:18">
      <c r="A9" s="56" t="s">
        <v>181</v>
      </c>
      <c r="B9" s="6">
        <v>425</v>
      </c>
      <c r="C9" s="6">
        <v>54</v>
      </c>
      <c r="D9" s="6">
        <v>79</v>
      </c>
      <c r="E9" s="6">
        <v>16</v>
      </c>
      <c r="F9" s="6">
        <v>3</v>
      </c>
      <c r="G9" s="6">
        <v>577</v>
      </c>
    </row>
    <row r="10" spans="1:18">
      <c r="A10" s="57"/>
      <c r="B10" s="5">
        <v>0.73699999999999999</v>
      </c>
      <c r="C10" s="5">
        <v>9.4E-2</v>
      </c>
      <c r="D10" s="5">
        <v>0.13700000000000001</v>
      </c>
      <c r="E10" s="5">
        <v>2.8000000000000001E-2</v>
      </c>
      <c r="F10" s="5">
        <v>5.0000000000000001E-3</v>
      </c>
      <c r="G10" s="5">
        <v>1</v>
      </c>
      <c r="L10" s="9"/>
      <c r="M10" s="9"/>
      <c r="N10" s="9"/>
      <c r="O10" s="9"/>
      <c r="P10" s="9"/>
      <c r="Q10" s="9"/>
      <c r="R10" s="9"/>
    </row>
    <row r="11" spans="1:18" ht="14.25" customHeight="1">
      <c r="A11" s="73" t="s">
        <v>182</v>
      </c>
      <c r="B11" s="6">
        <v>98</v>
      </c>
      <c r="C11" s="6">
        <v>12</v>
      </c>
      <c r="D11" s="6">
        <v>18</v>
      </c>
      <c r="E11" s="6">
        <v>4</v>
      </c>
      <c r="F11" s="6">
        <v>1</v>
      </c>
      <c r="G11" s="6">
        <v>133</v>
      </c>
    </row>
    <row r="12" spans="1:18">
      <c r="A12" s="74"/>
      <c r="B12" s="5">
        <v>0.73699999999999999</v>
      </c>
      <c r="C12" s="5">
        <v>0.09</v>
      </c>
      <c r="D12" s="5">
        <v>0.13500000000000001</v>
      </c>
      <c r="E12" s="5">
        <v>0.03</v>
      </c>
      <c r="F12" s="5">
        <v>8.0000000000000002E-3</v>
      </c>
      <c r="G12" s="5">
        <v>1</v>
      </c>
      <c r="L12" s="9"/>
      <c r="M12" s="9"/>
      <c r="N12" s="9"/>
      <c r="O12" s="9"/>
      <c r="P12" s="9"/>
      <c r="Q12" s="9"/>
      <c r="R12" s="9"/>
    </row>
    <row r="13" spans="1:18">
      <c r="A13" s="56" t="s">
        <v>171</v>
      </c>
      <c r="B13" s="6">
        <v>103</v>
      </c>
      <c r="C13" s="6">
        <v>9</v>
      </c>
      <c r="D13" s="6">
        <v>9</v>
      </c>
      <c r="E13" s="6">
        <v>5</v>
      </c>
      <c r="F13" s="6">
        <v>1</v>
      </c>
      <c r="G13" s="6">
        <v>127</v>
      </c>
    </row>
    <row r="14" spans="1:18">
      <c r="A14" s="57"/>
      <c r="B14" s="5">
        <v>0.81100000000000005</v>
      </c>
      <c r="C14" s="5">
        <v>7.0999999999999994E-2</v>
      </c>
      <c r="D14" s="5">
        <v>7.0999999999999994E-2</v>
      </c>
      <c r="E14" s="5">
        <v>3.9E-2</v>
      </c>
      <c r="F14" s="5">
        <v>8.0000000000000002E-3</v>
      </c>
      <c r="G14" s="5">
        <v>1</v>
      </c>
      <c r="L14" s="9"/>
      <c r="M14" s="9"/>
      <c r="N14" s="9"/>
      <c r="O14" s="9"/>
      <c r="P14" s="9"/>
      <c r="Q14" s="9"/>
      <c r="R14" s="9"/>
    </row>
    <row r="15" spans="1:18">
      <c r="A15" s="56" t="s">
        <v>29</v>
      </c>
      <c r="B15" s="4">
        <v>2825</v>
      </c>
      <c r="C15" s="4">
        <v>268</v>
      </c>
      <c r="D15" s="4">
        <v>453</v>
      </c>
      <c r="E15" s="4">
        <v>120</v>
      </c>
      <c r="F15" s="4">
        <v>19</v>
      </c>
      <c r="G15" s="4">
        <v>3685</v>
      </c>
    </row>
    <row r="16" spans="1:18">
      <c r="A16" s="57"/>
      <c r="B16" s="5">
        <v>0.76700000000000002</v>
      </c>
      <c r="C16" s="5">
        <v>7.2999999999999995E-2</v>
      </c>
      <c r="D16" s="5">
        <v>0.123</v>
      </c>
      <c r="E16" s="5">
        <v>3.3000000000000002E-2</v>
      </c>
      <c r="F16" s="5">
        <v>5.0000000000000001E-3</v>
      </c>
      <c r="G16" s="5">
        <v>1</v>
      </c>
      <c r="L16" s="9"/>
      <c r="M16" s="9"/>
      <c r="N16" s="9"/>
      <c r="O16" s="9"/>
      <c r="P16" s="9"/>
      <c r="Q16" s="9"/>
      <c r="R16" s="9"/>
    </row>
    <row r="17" spans="1:18">
      <c r="A17" s="54" t="s">
        <v>119</v>
      </c>
      <c r="B17" s="54"/>
      <c r="C17" s="54"/>
      <c r="D17" s="54"/>
      <c r="E17" s="54"/>
      <c r="F17" s="54"/>
      <c r="G17" s="54"/>
    </row>
    <row r="18" spans="1:18">
      <c r="A18" s="55"/>
      <c r="B18" s="55"/>
      <c r="C18" s="55"/>
      <c r="D18" s="55"/>
      <c r="E18" s="55"/>
      <c r="F18" s="55"/>
      <c r="G18" s="55"/>
      <c r="L18" s="9"/>
      <c r="M18" s="9"/>
      <c r="N18" s="9"/>
      <c r="O18" s="9"/>
      <c r="P18" s="9"/>
      <c r="Q18" s="9"/>
      <c r="R18" s="9"/>
    </row>
    <row r="20" spans="1:18">
      <c r="M20" s="9"/>
      <c r="N20" s="9"/>
      <c r="O20" s="9"/>
      <c r="P20" s="9"/>
      <c r="Q20" s="9"/>
      <c r="R20" s="9"/>
    </row>
    <row r="22" spans="1:18">
      <c r="M22" s="9"/>
      <c r="N22" s="9"/>
      <c r="O22" s="9"/>
      <c r="P22" s="9"/>
      <c r="Q22" s="9"/>
      <c r="R22" s="9"/>
    </row>
    <row r="24" spans="1:18">
      <c r="M24" s="9"/>
      <c r="N24" s="9"/>
      <c r="O24" s="9"/>
      <c r="P24" s="9"/>
      <c r="Q24" s="9"/>
      <c r="R24" s="9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0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85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8</v>
      </c>
      <c r="B3" s="53" t="s">
        <v>117</v>
      </c>
      <c r="C3" s="53"/>
      <c r="D3" s="53"/>
      <c r="E3" s="53"/>
      <c r="F3" s="53"/>
      <c r="G3" s="2"/>
    </row>
    <row r="4" spans="1:15" ht="28.5">
      <c r="A4" s="60"/>
      <c r="B4" s="8" t="s">
        <v>153</v>
      </c>
      <c r="C4" s="8" t="s">
        <v>155</v>
      </c>
      <c r="D4" s="8" t="s">
        <v>559</v>
      </c>
      <c r="E4" s="8" t="s">
        <v>42</v>
      </c>
      <c r="F4" s="8" t="s">
        <v>29</v>
      </c>
    </row>
    <row r="5" spans="1:15">
      <c r="A5" s="56" t="s">
        <v>179</v>
      </c>
      <c r="B5" s="4">
        <v>559</v>
      </c>
      <c r="C5" s="4">
        <v>391</v>
      </c>
      <c r="D5" s="4">
        <v>35</v>
      </c>
      <c r="E5" s="4">
        <v>4</v>
      </c>
      <c r="F5" s="4">
        <v>989</v>
      </c>
    </row>
    <row r="6" spans="1:15">
      <c r="A6" s="61"/>
      <c r="B6" s="5">
        <v>0.56499999999999995</v>
      </c>
      <c r="C6" s="5">
        <v>0.39500000000000002</v>
      </c>
      <c r="D6" s="5">
        <v>3.5000000000000003E-2</v>
      </c>
      <c r="E6" s="5">
        <v>4.0000000000000001E-3</v>
      </c>
      <c r="F6" s="5">
        <v>1</v>
      </c>
    </row>
    <row r="7" spans="1:15">
      <c r="A7" s="56" t="s">
        <v>180</v>
      </c>
      <c r="B7" s="4">
        <v>1033</v>
      </c>
      <c r="C7" s="4">
        <v>753</v>
      </c>
      <c r="D7" s="4">
        <v>62</v>
      </c>
      <c r="E7" s="4">
        <v>11</v>
      </c>
      <c r="F7" s="4">
        <v>1859</v>
      </c>
    </row>
    <row r="8" spans="1:15">
      <c r="A8" s="57"/>
      <c r="B8" s="5">
        <v>0.55600000000000005</v>
      </c>
      <c r="C8" s="5">
        <v>0.40500000000000003</v>
      </c>
      <c r="D8" s="5">
        <v>3.3000000000000002E-2</v>
      </c>
      <c r="E8" s="5">
        <v>6.0000000000000001E-3</v>
      </c>
      <c r="F8" s="5">
        <v>1</v>
      </c>
      <c r="K8" s="9"/>
      <c r="L8" s="9"/>
      <c r="M8" s="9"/>
      <c r="N8" s="9"/>
      <c r="O8" s="9"/>
    </row>
    <row r="9" spans="1:15">
      <c r="A9" s="56" t="s">
        <v>181</v>
      </c>
      <c r="B9" s="6">
        <v>334</v>
      </c>
      <c r="C9" s="6">
        <v>227</v>
      </c>
      <c r="D9" s="6">
        <v>13</v>
      </c>
      <c r="E9" s="6">
        <v>3</v>
      </c>
      <c r="F9" s="6">
        <v>577</v>
      </c>
    </row>
    <row r="10" spans="1:15">
      <c r="A10" s="57"/>
      <c r="B10" s="5">
        <v>0.57899999999999996</v>
      </c>
      <c r="C10" s="5">
        <v>0.39300000000000002</v>
      </c>
      <c r="D10" s="5">
        <v>2.3E-2</v>
      </c>
      <c r="E10" s="5">
        <v>5.0000000000000001E-3</v>
      </c>
      <c r="F10" s="5">
        <v>1</v>
      </c>
      <c r="K10" s="9"/>
      <c r="L10" s="9"/>
      <c r="M10" s="9"/>
      <c r="N10" s="9"/>
      <c r="O10" s="9"/>
    </row>
    <row r="11" spans="1:15" ht="14.25" customHeight="1">
      <c r="A11" s="73" t="s">
        <v>182</v>
      </c>
      <c r="B11" s="6">
        <v>55</v>
      </c>
      <c r="C11" s="6">
        <v>71</v>
      </c>
      <c r="D11" s="6">
        <v>5</v>
      </c>
      <c r="E11" s="6">
        <v>2</v>
      </c>
      <c r="F11" s="6">
        <v>133</v>
      </c>
    </row>
    <row r="12" spans="1:15">
      <c r="A12" s="74"/>
      <c r="B12" s="5">
        <v>0.41399999999999998</v>
      </c>
      <c r="C12" s="5">
        <v>0.53400000000000003</v>
      </c>
      <c r="D12" s="5">
        <v>3.7999999999999999E-2</v>
      </c>
      <c r="E12" s="5">
        <v>1.4999999999999999E-2</v>
      </c>
      <c r="F12" s="5">
        <v>1</v>
      </c>
      <c r="K12" s="9"/>
      <c r="L12" s="9"/>
      <c r="M12" s="9"/>
      <c r="N12" s="9"/>
      <c r="O12" s="9"/>
    </row>
    <row r="13" spans="1:15">
      <c r="A13" s="56" t="s">
        <v>171</v>
      </c>
      <c r="B13" s="6">
        <v>76</v>
      </c>
      <c r="C13" s="6">
        <v>41</v>
      </c>
      <c r="D13" s="6">
        <v>7</v>
      </c>
      <c r="E13" s="6">
        <v>3</v>
      </c>
      <c r="F13" s="6">
        <v>127</v>
      </c>
    </row>
    <row r="14" spans="1:15">
      <c r="A14" s="57"/>
      <c r="B14" s="5">
        <v>0.59799999999999998</v>
      </c>
      <c r="C14" s="5">
        <v>0.32300000000000001</v>
      </c>
      <c r="D14" s="5">
        <v>5.5E-2</v>
      </c>
      <c r="E14" s="5">
        <v>2.4E-2</v>
      </c>
      <c r="F14" s="5">
        <v>1</v>
      </c>
      <c r="K14" s="9"/>
      <c r="L14" s="9"/>
      <c r="M14" s="9"/>
      <c r="N14" s="9"/>
      <c r="O14" s="9"/>
    </row>
    <row r="15" spans="1:15">
      <c r="A15" s="56" t="s">
        <v>29</v>
      </c>
      <c r="B15" s="4">
        <v>2057</v>
      </c>
      <c r="C15" s="4">
        <v>1483</v>
      </c>
      <c r="D15" s="4">
        <v>122</v>
      </c>
      <c r="E15" s="4">
        <v>23</v>
      </c>
      <c r="F15" s="4">
        <v>3685</v>
      </c>
    </row>
    <row r="16" spans="1:15">
      <c r="A16" s="57"/>
      <c r="B16" s="5">
        <v>0.55800000000000005</v>
      </c>
      <c r="C16" s="5">
        <v>0.40200000000000002</v>
      </c>
      <c r="D16" s="5">
        <v>3.3000000000000002E-2</v>
      </c>
      <c r="E16" s="5">
        <v>6.0000000000000001E-3</v>
      </c>
      <c r="F16" s="5">
        <v>1</v>
      </c>
      <c r="K16" s="9"/>
      <c r="L16" s="9"/>
      <c r="M16" s="9"/>
      <c r="N16" s="9"/>
      <c r="O16" s="9"/>
    </row>
    <row r="17" spans="1:15">
      <c r="A17" s="54" t="s">
        <v>118</v>
      </c>
      <c r="B17" s="54"/>
      <c r="C17" s="54"/>
      <c r="D17" s="54"/>
      <c r="E17" s="54"/>
      <c r="F17" s="54"/>
    </row>
    <row r="18" spans="1:15">
      <c r="A18" s="55"/>
      <c r="B18" s="55"/>
      <c r="C18" s="55"/>
      <c r="D18" s="55"/>
      <c r="E18" s="55"/>
      <c r="F18" s="55"/>
      <c r="K18" s="9"/>
      <c r="L18" s="9"/>
      <c r="M18" s="9"/>
      <c r="N18" s="9"/>
      <c r="O18" s="9"/>
    </row>
    <row r="20" spans="1:15"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1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86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78</v>
      </c>
      <c r="B3" s="53" t="s">
        <v>120</v>
      </c>
      <c r="C3" s="53"/>
      <c r="D3" s="53"/>
      <c r="E3" s="53"/>
      <c r="F3" s="2"/>
    </row>
    <row r="4" spans="1:13">
      <c r="A4" s="60"/>
      <c r="B4" s="3" t="s">
        <v>153</v>
      </c>
      <c r="C4" s="3" t="s">
        <v>155</v>
      </c>
      <c r="D4" s="3" t="s">
        <v>27</v>
      </c>
      <c r="E4" s="3" t="s">
        <v>28</v>
      </c>
    </row>
    <row r="5" spans="1:13">
      <c r="A5" s="56" t="s">
        <v>179</v>
      </c>
      <c r="B5" s="4">
        <v>654</v>
      </c>
      <c r="C5" s="4">
        <v>333</v>
      </c>
      <c r="D5" s="4">
        <v>2</v>
      </c>
      <c r="E5" s="4">
        <v>989</v>
      </c>
    </row>
    <row r="6" spans="1:13">
      <c r="A6" s="61"/>
      <c r="B6" s="5">
        <v>0.66100000000000003</v>
      </c>
      <c r="C6" s="5">
        <v>0.33700000000000002</v>
      </c>
      <c r="D6" s="5">
        <v>2E-3</v>
      </c>
      <c r="E6" s="5">
        <v>1</v>
      </c>
    </row>
    <row r="7" spans="1:13">
      <c r="A7" s="56" t="s">
        <v>180</v>
      </c>
      <c r="B7" s="4">
        <v>1172</v>
      </c>
      <c r="C7" s="4">
        <v>682</v>
      </c>
      <c r="D7" s="4">
        <v>5</v>
      </c>
      <c r="E7" s="4">
        <v>1859</v>
      </c>
    </row>
    <row r="8" spans="1:13">
      <c r="A8" s="57"/>
      <c r="B8" s="5">
        <v>0.63</v>
      </c>
      <c r="C8" s="5">
        <v>0.36699999999999999</v>
      </c>
      <c r="D8" s="5">
        <v>3.0000000000000001E-3</v>
      </c>
      <c r="E8" s="5">
        <v>1</v>
      </c>
      <c r="J8" s="9"/>
      <c r="K8" s="9"/>
      <c r="L8" s="9"/>
      <c r="M8" s="9"/>
    </row>
    <row r="9" spans="1:13">
      <c r="A9" s="56" t="s">
        <v>181</v>
      </c>
      <c r="B9" s="6">
        <v>351</v>
      </c>
      <c r="C9" s="6">
        <v>224</v>
      </c>
      <c r="D9" s="6">
        <v>2</v>
      </c>
      <c r="E9" s="6">
        <v>577</v>
      </c>
    </row>
    <row r="10" spans="1:13">
      <c r="A10" s="57"/>
      <c r="B10" s="5">
        <v>0.60799999999999998</v>
      </c>
      <c r="C10" s="5">
        <v>0.38800000000000001</v>
      </c>
      <c r="D10" s="5">
        <v>3.0000000000000001E-3</v>
      </c>
      <c r="E10" s="5">
        <v>1</v>
      </c>
      <c r="J10" s="9"/>
      <c r="K10" s="9"/>
      <c r="L10" s="9"/>
      <c r="M10" s="9"/>
    </row>
    <row r="11" spans="1:13" ht="14.25" customHeight="1">
      <c r="A11" s="73" t="s">
        <v>182</v>
      </c>
      <c r="B11" s="6">
        <v>57</v>
      </c>
      <c r="C11" s="6">
        <v>75</v>
      </c>
      <c r="D11" s="6">
        <v>1</v>
      </c>
      <c r="E11" s="6">
        <v>133</v>
      </c>
    </row>
    <row r="12" spans="1:13">
      <c r="A12" s="74"/>
      <c r="B12" s="5">
        <v>0.42899999999999999</v>
      </c>
      <c r="C12" s="5">
        <v>0.56399999999999995</v>
      </c>
      <c r="D12" s="5">
        <v>8.0000000000000002E-3</v>
      </c>
      <c r="E12" s="5">
        <v>1</v>
      </c>
      <c r="J12" s="9"/>
      <c r="K12" s="9"/>
      <c r="L12" s="9"/>
      <c r="M12" s="9"/>
    </row>
    <row r="13" spans="1:13">
      <c r="A13" s="56" t="s">
        <v>171</v>
      </c>
      <c r="B13" s="6">
        <v>82</v>
      </c>
      <c r="C13" s="6">
        <v>45</v>
      </c>
      <c r="D13" s="6">
        <v>0</v>
      </c>
      <c r="E13" s="6">
        <v>127</v>
      </c>
    </row>
    <row r="14" spans="1:13">
      <c r="A14" s="57"/>
      <c r="B14" s="5">
        <v>0.64600000000000002</v>
      </c>
      <c r="C14" s="5">
        <v>0.35399999999999998</v>
      </c>
      <c r="D14" s="5">
        <v>0</v>
      </c>
      <c r="E14" s="5">
        <v>1</v>
      </c>
      <c r="J14" s="9"/>
      <c r="K14" s="9"/>
      <c r="L14" s="9"/>
      <c r="M14" s="9"/>
    </row>
    <row r="15" spans="1:13">
      <c r="A15" s="56" t="s">
        <v>29</v>
      </c>
      <c r="B15" s="4">
        <v>2316</v>
      </c>
      <c r="C15" s="4">
        <v>1359</v>
      </c>
      <c r="D15" s="4">
        <v>10</v>
      </c>
      <c r="E15" s="4">
        <v>3685</v>
      </c>
    </row>
    <row r="16" spans="1:13">
      <c r="A16" s="57"/>
      <c r="B16" s="5">
        <v>0.628</v>
      </c>
      <c r="C16" s="5">
        <v>0.36899999999999999</v>
      </c>
      <c r="D16" s="5">
        <v>3.0000000000000001E-3</v>
      </c>
      <c r="E16" s="5">
        <v>1</v>
      </c>
      <c r="J16" s="9"/>
      <c r="K16" s="9"/>
      <c r="L16" s="9"/>
      <c r="M16" s="9"/>
    </row>
    <row r="17" spans="1:13">
      <c r="A17" s="54" t="s">
        <v>121</v>
      </c>
      <c r="B17" s="54"/>
      <c r="C17" s="54"/>
      <c r="D17" s="54"/>
      <c r="E17" s="54"/>
    </row>
    <row r="18" spans="1:13">
      <c r="A18" s="55"/>
      <c r="B18" s="55"/>
      <c r="C18" s="55"/>
      <c r="D18" s="55"/>
      <c r="E18" s="55"/>
      <c r="J18" s="9"/>
      <c r="K18" s="9"/>
      <c r="L18" s="9"/>
      <c r="M18" s="9"/>
    </row>
    <row r="20" spans="1:13"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48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3" width="9" style="1" customWidth="1"/>
    <col min="4" max="16384" width="9" style="1"/>
  </cols>
  <sheetData>
    <row r="1" spans="1:30">
      <c r="A1" s="1" t="s">
        <v>619</v>
      </c>
    </row>
    <row r="2" spans="1:30">
      <c r="A2" s="41" t="s">
        <v>812</v>
      </c>
      <c r="C2" s="7"/>
      <c r="D2" s="7"/>
      <c r="E2" s="7"/>
      <c r="F2" s="7"/>
      <c r="G2" s="7"/>
    </row>
    <row r="3" spans="1:30" ht="60" customHeight="1">
      <c r="A3" s="60" t="s">
        <v>178</v>
      </c>
      <c r="B3" s="62" t="s">
        <v>620</v>
      </c>
      <c r="C3" s="63"/>
      <c r="D3" s="62" t="s">
        <v>241</v>
      </c>
      <c r="E3" s="63"/>
      <c r="F3" s="62" t="s">
        <v>242</v>
      </c>
      <c r="G3" s="64"/>
      <c r="H3" s="2"/>
    </row>
    <row r="4" spans="1:30">
      <c r="A4" s="60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30">
      <c r="A5" s="56" t="s">
        <v>179</v>
      </c>
      <c r="B5" s="4">
        <v>54</v>
      </c>
      <c r="C5" s="4">
        <v>600</v>
      </c>
      <c r="D5" s="4">
        <v>529</v>
      </c>
      <c r="E5" s="4">
        <v>125</v>
      </c>
      <c r="F5" s="4">
        <v>222</v>
      </c>
      <c r="G5" s="4">
        <v>432</v>
      </c>
    </row>
    <row r="6" spans="1:30">
      <c r="A6" s="61"/>
      <c r="B6" s="5">
        <v>8.3000000000000004E-2</v>
      </c>
      <c r="C6" s="5">
        <v>0.91700000000000004</v>
      </c>
      <c r="D6" s="5">
        <v>0.80900000000000005</v>
      </c>
      <c r="E6" s="5">
        <v>0.191</v>
      </c>
      <c r="F6" s="5">
        <v>0.33900000000000002</v>
      </c>
      <c r="G6" s="5">
        <v>0.66100000000000003</v>
      </c>
      <c r="L6" s="9"/>
      <c r="M6" s="9"/>
      <c r="N6" s="9"/>
      <c r="P6" s="9"/>
      <c r="Q6" s="9"/>
      <c r="R6" s="9"/>
      <c r="T6" s="9"/>
      <c r="U6" s="9"/>
      <c r="V6" s="9"/>
      <c r="X6" s="9"/>
      <c r="Y6" s="9"/>
      <c r="Z6" s="9"/>
      <c r="AB6" s="9"/>
      <c r="AC6" s="9"/>
      <c r="AD6" s="9"/>
    </row>
    <row r="7" spans="1:30">
      <c r="A7" s="56" t="s">
        <v>180</v>
      </c>
      <c r="B7" s="4">
        <v>104</v>
      </c>
      <c r="C7" s="4">
        <v>1068</v>
      </c>
      <c r="D7" s="4">
        <v>933</v>
      </c>
      <c r="E7" s="4">
        <v>239</v>
      </c>
      <c r="F7" s="4">
        <v>390</v>
      </c>
      <c r="G7" s="4">
        <v>782</v>
      </c>
    </row>
    <row r="8" spans="1:30">
      <c r="A8" s="57"/>
      <c r="B8" s="5">
        <v>8.8999999999999996E-2</v>
      </c>
      <c r="C8" s="5">
        <v>0.91100000000000003</v>
      </c>
      <c r="D8" s="5">
        <v>0.79600000000000004</v>
      </c>
      <c r="E8" s="5">
        <v>0.20399999999999999</v>
      </c>
      <c r="F8" s="5">
        <v>0.33300000000000002</v>
      </c>
      <c r="G8" s="5">
        <v>0.66700000000000004</v>
      </c>
      <c r="L8" s="9"/>
      <c r="M8" s="9"/>
      <c r="N8" s="9"/>
      <c r="P8" s="9"/>
      <c r="Q8" s="9"/>
      <c r="R8" s="9"/>
      <c r="T8" s="9"/>
      <c r="U8" s="9"/>
      <c r="V8" s="9"/>
      <c r="X8" s="9"/>
      <c r="Y8" s="9"/>
      <c r="Z8" s="9"/>
      <c r="AB8" s="9"/>
      <c r="AC8" s="9"/>
      <c r="AD8" s="9"/>
    </row>
    <row r="9" spans="1:30">
      <c r="A9" s="56" t="s">
        <v>181</v>
      </c>
      <c r="B9" s="6">
        <v>21</v>
      </c>
      <c r="C9" s="6">
        <v>330</v>
      </c>
      <c r="D9" s="6">
        <v>285</v>
      </c>
      <c r="E9" s="6">
        <v>66</v>
      </c>
      <c r="F9" s="6">
        <v>103</v>
      </c>
      <c r="G9" s="6">
        <v>248</v>
      </c>
    </row>
    <row r="10" spans="1:30">
      <c r="A10" s="57"/>
      <c r="B10" s="5">
        <v>0.06</v>
      </c>
      <c r="C10" s="5">
        <v>0.94</v>
      </c>
      <c r="D10" s="5">
        <v>0.81200000000000006</v>
      </c>
      <c r="E10" s="5">
        <v>0.188</v>
      </c>
      <c r="F10" s="5">
        <v>0.29299999999999998</v>
      </c>
      <c r="G10" s="5">
        <v>0.70699999999999996</v>
      </c>
      <c r="L10" s="9"/>
      <c r="M10" s="9"/>
      <c r="N10" s="9"/>
      <c r="P10" s="9"/>
      <c r="Q10" s="9"/>
      <c r="R10" s="9"/>
      <c r="T10" s="9"/>
      <c r="U10" s="9"/>
      <c r="V10" s="9"/>
      <c r="X10" s="9"/>
      <c r="Y10" s="9"/>
      <c r="Z10" s="9"/>
      <c r="AB10" s="9"/>
      <c r="AC10" s="9"/>
      <c r="AD10" s="9"/>
    </row>
    <row r="11" spans="1:30">
      <c r="A11" s="73" t="s">
        <v>182</v>
      </c>
      <c r="B11" s="6">
        <v>4</v>
      </c>
      <c r="C11" s="6">
        <v>53</v>
      </c>
      <c r="D11" s="6">
        <v>41</v>
      </c>
      <c r="E11" s="6">
        <v>16</v>
      </c>
      <c r="F11" s="6">
        <v>13</v>
      </c>
      <c r="G11" s="6">
        <v>44</v>
      </c>
    </row>
    <row r="12" spans="1:30">
      <c r="A12" s="74"/>
      <c r="B12" s="5">
        <v>7.0000000000000007E-2</v>
      </c>
      <c r="C12" s="5">
        <v>0.93</v>
      </c>
      <c r="D12" s="5">
        <v>0.71899999999999997</v>
      </c>
      <c r="E12" s="5">
        <v>0.28100000000000003</v>
      </c>
      <c r="F12" s="5">
        <v>0.22800000000000001</v>
      </c>
      <c r="G12" s="5">
        <v>0.77200000000000002</v>
      </c>
      <c r="L12" s="9"/>
      <c r="M12" s="9"/>
      <c r="N12" s="9"/>
      <c r="P12" s="9"/>
      <c r="Q12" s="9"/>
      <c r="R12" s="9"/>
      <c r="T12" s="9"/>
      <c r="U12" s="9"/>
      <c r="V12" s="9"/>
      <c r="X12" s="9"/>
      <c r="Y12" s="9"/>
      <c r="Z12" s="9"/>
      <c r="AB12" s="9"/>
      <c r="AC12" s="9"/>
      <c r="AD12" s="9"/>
    </row>
    <row r="13" spans="1:30">
      <c r="A13" s="56" t="s">
        <v>171</v>
      </c>
      <c r="B13" s="6">
        <v>0</v>
      </c>
      <c r="C13" s="6">
        <v>82</v>
      </c>
      <c r="D13" s="6">
        <v>67</v>
      </c>
      <c r="E13" s="6">
        <v>15</v>
      </c>
      <c r="F13" s="6">
        <v>29</v>
      </c>
      <c r="G13" s="6">
        <v>53</v>
      </c>
    </row>
    <row r="14" spans="1:30">
      <c r="A14" s="57"/>
      <c r="B14" s="5">
        <v>0</v>
      </c>
      <c r="C14" s="5">
        <v>1</v>
      </c>
      <c r="D14" s="5">
        <v>0.81699999999999995</v>
      </c>
      <c r="E14" s="5">
        <v>0.183</v>
      </c>
      <c r="F14" s="5">
        <v>0.35399999999999998</v>
      </c>
      <c r="G14" s="5">
        <v>0.64600000000000002</v>
      </c>
      <c r="L14" s="9"/>
      <c r="M14" s="9"/>
      <c r="N14" s="9"/>
      <c r="P14" s="9"/>
      <c r="Q14" s="9"/>
      <c r="R14" s="9"/>
      <c r="T14" s="9"/>
      <c r="U14" s="9"/>
      <c r="V14" s="9"/>
      <c r="X14" s="9"/>
      <c r="Y14" s="9"/>
      <c r="Z14" s="9"/>
      <c r="AB14" s="9"/>
      <c r="AC14" s="9"/>
      <c r="AD14" s="9"/>
    </row>
    <row r="15" spans="1:30">
      <c r="A15" s="56" t="s">
        <v>29</v>
      </c>
      <c r="B15" s="4">
        <v>183</v>
      </c>
      <c r="C15" s="4">
        <v>2133</v>
      </c>
      <c r="D15" s="4">
        <v>1855</v>
      </c>
      <c r="E15" s="4">
        <v>461</v>
      </c>
      <c r="F15" s="4">
        <v>757</v>
      </c>
      <c r="G15" s="4">
        <v>1559</v>
      </c>
    </row>
    <row r="16" spans="1:30">
      <c r="A16" s="57"/>
      <c r="B16" s="5">
        <v>7.9000000000000001E-2</v>
      </c>
      <c r="C16" s="5">
        <v>0.92100000000000004</v>
      </c>
      <c r="D16" s="5">
        <v>0.80100000000000005</v>
      </c>
      <c r="E16" s="5">
        <v>0.19900000000000001</v>
      </c>
      <c r="F16" s="5">
        <v>0.32700000000000001</v>
      </c>
      <c r="G16" s="5">
        <v>0.67300000000000004</v>
      </c>
      <c r="L16" s="9"/>
      <c r="M16" s="9"/>
      <c r="N16" s="9"/>
      <c r="P16" s="9"/>
      <c r="Q16" s="9"/>
      <c r="R16" s="9"/>
      <c r="T16" s="9"/>
      <c r="U16" s="9"/>
      <c r="V16" s="9"/>
      <c r="X16" s="9"/>
      <c r="Y16" s="9"/>
      <c r="Z16" s="9"/>
      <c r="AB16" s="9"/>
      <c r="AC16" s="9"/>
      <c r="AD16" s="9"/>
    </row>
    <row r="18" spans="1:26" ht="29.25" customHeight="1">
      <c r="A18" s="60" t="s">
        <v>178</v>
      </c>
      <c r="B18" s="62" t="s">
        <v>243</v>
      </c>
      <c r="C18" s="63"/>
      <c r="D18" s="62" t="s">
        <v>244</v>
      </c>
      <c r="E18" s="63"/>
      <c r="F18" s="62" t="s">
        <v>245</v>
      </c>
      <c r="G18" s="64"/>
    </row>
    <row r="19" spans="1:26">
      <c r="A19" s="60"/>
      <c r="B19" s="8" t="s">
        <v>190</v>
      </c>
      <c r="C19" s="8" t="s">
        <v>191</v>
      </c>
      <c r="D19" s="8" t="s">
        <v>190</v>
      </c>
      <c r="E19" s="8" t="s">
        <v>191</v>
      </c>
      <c r="F19" s="8" t="s">
        <v>190</v>
      </c>
      <c r="G19" s="8" t="s">
        <v>191</v>
      </c>
    </row>
    <row r="20" spans="1:26">
      <c r="A20" s="56" t="s">
        <v>179</v>
      </c>
      <c r="B20" s="4">
        <v>407</v>
      </c>
      <c r="C20" s="4">
        <v>247</v>
      </c>
      <c r="D20" s="4">
        <v>7</v>
      </c>
      <c r="E20" s="4">
        <v>647</v>
      </c>
      <c r="F20" s="4">
        <v>19</v>
      </c>
      <c r="G20" s="4">
        <v>635</v>
      </c>
    </row>
    <row r="21" spans="1:26">
      <c r="A21" s="61"/>
      <c r="B21" s="5">
        <v>0.622</v>
      </c>
      <c r="C21" s="5">
        <v>0.378</v>
      </c>
      <c r="D21" s="5">
        <v>1.0999999999999999E-2</v>
      </c>
      <c r="E21" s="5">
        <v>0.98899999999999999</v>
      </c>
      <c r="F21" s="5">
        <v>2.9000000000000001E-2</v>
      </c>
      <c r="G21" s="5">
        <v>0.97099999999999997</v>
      </c>
      <c r="L21" s="9"/>
      <c r="M21" s="9"/>
      <c r="N21" s="9"/>
      <c r="P21" s="9"/>
      <c r="Q21" s="9"/>
      <c r="R21" s="9"/>
      <c r="T21" s="9"/>
      <c r="U21" s="9"/>
      <c r="V21" s="9"/>
      <c r="X21" s="9"/>
      <c r="Y21" s="9"/>
      <c r="Z21" s="9"/>
    </row>
    <row r="22" spans="1:26">
      <c r="A22" s="56" t="s">
        <v>180</v>
      </c>
      <c r="B22" s="4">
        <v>777</v>
      </c>
      <c r="C22" s="4">
        <v>395</v>
      </c>
      <c r="D22" s="4">
        <v>37</v>
      </c>
      <c r="E22" s="4">
        <v>1135</v>
      </c>
      <c r="F22" s="4">
        <v>32</v>
      </c>
      <c r="G22" s="4">
        <v>1140</v>
      </c>
    </row>
    <row r="23" spans="1:26">
      <c r="A23" s="57"/>
      <c r="B23" s="5">
        <v>0.66300000000000003</v>
      </c>
      <c r="C23" s="5">
        <v>0.33700000000000002</v>
      </c>
      <c r="D23" s="5">
        <v>3.2000000000000001E-2</v>
      </c>
      <c r="E23" s="5">
        <v>0.96799999999999997</v>
      </c>
      <c r="F23" s="5">
        <v>2.7E-2</v>
      </c>
      <c r="G23" s="5">
        <v>0.97299999999999998</v>
      </c>
      <c r="L23" s="9"/>
      <c r="M23" s="9"/>
      <c r="N23" s="9"/>
      <c r="P23" s="9"/>
      <c r="Q23" s="9"/>
      <c r="R23" s="9"/>
      <c r="T23" s="9"/>
      <c r="U23" s="9"/>
      <c r="V23" s="9"/>
      <c r="X23" s="9"/>
      <c r="Y23" s="9"/>
      <c r="Z23" s="9"/>
    </row>
    <row r="24" spans="1:26">
      <c r="A24" s="56" t="s">
        <v>181</v>
      </c>
      <c r="B24" s="6">
        <v>252</v>
      </c>
      <c r="C24" s="6">
        <v>99</v>
      </c>
      <c r="D24" s="6">
        <v>18</v>
      </c>
      <c r="E24" s="6">
        <v>333</v>
      </c>
      <c r="F24" s="6">
        <v>30</v>
      </c>
      <c r="G24" s="6">
        <v>321</v>
      </c>
    </row>
    <row r="25" spans="1:26">
      <c r="A25" s="57"/>
      <c r="B25" s="5">
        <v>0.71799999999999997</v>
      </c>
      <c r="C25" s="5">
        <v>0.28199999999999997</v>
      </c>
      <c r="D25" s="5">
        <v>5.0999999999999997E-2</v>
      </c>
      <c r="E25" s="5">
        <v>0.94899999999999995</v>
      </c>
      <c r="F25" s="5">
        <v>8.5000000000000006E-2</v>
      </c>
      <c r="G25" s="5">
        <v>0.91500000000000004</v>
      </c>
      <c r="L25" s="9"/>
      <c r="M25" s="9"/>
      <c r="N25" s="9"/>
      <c r="P25" s="9"/>
      <c r="Q25" s="9"/>
      <c r="R25" s="9"/>
      <c r="T25" s="9"/>
      <c r="U25" s="9"/>
      <c r="V25" s="9"/>
      <c r="X25" s="9"/>
      <c r="Y25" s="9"/>
      <c r="Z25" s="9"/>
    </row>
    <row r="26" spans="1:26">
      <c r="A26" s="73" t="s">
        <v>182</v>
      </c>
      <c r="B26" s="6">
        <v>33</v>
      </c>
      <c r="C26" s="6">
        <v>24</v>
      </c>
      <c r="D26" s="6">
        <v>2</v>
      </c>
      <c r="E26" s="6">
        <v>55</v>
      </c>
      <c r="F26" s="6">
        <v>9</v>
      </c>
      <c r="G26" s="6">
        <v>48</v>
      </c>
    </row>
    <row r="27" spans="1:26">
      <c r="A27" s="74"/>
      <c r="B27" s="5">
        <v>0.57899999999999996</v>
      </c>
      <c r="C27" s="5">
        <v>0.42099999999999999</v>
      </c>
      <c r="D27" s="5">
        <v>3.5000000000000003E-2</v>
      </c>
      <c r="E27" s="5">
        <v>0.96499999999999997</v>
      </c>
      <c r="F27" s="5">
        <v>0.158</v>
      </c>
      <c r="G27" s="5">
        <v>0.84199999999999997</v>
      </c>
      <c r="L27" s="9"/>
      <c r="M27" s="9"/>
      <c r="N27" s="9"/>
      <c r="P27" s="9"/>
      <c r="Q27" s="9"/>
      <c r="R27" s="9"/>
      <c r="T27" s="9"/>
      <c r="U27" s="9"/>
      <c r="V27" s="9"/>
      <c r="X27" s="9"/>
      <c r="Y27" s="9"/>
      <c r="Z27" s="9"/>
    </row>
    <row r="28" spans="1:26">
      <c r="A28" s="56" t="s">
        <v>171</v>
      </c>
      <c r="B28" s="6">
        <v>59</v>
      </c>
      <c r="C28" s="6">
        <v>23</v>
      </c>
      <c r="D28" s="6">
        <v>1</v>
      </c>
      <c r="E28" s="6">
        <v>81</v>
      </c>
      <c r="F28" s="6">
        <v>3</v>
      </c>
      <c r="G28" s="6">
        <v>79</v>
      </c>
    </row>
    <row r="29" spans="1:26">
      <c r="A29" s="57"/>
      <c r="B29" s="5">
        <v>0.72</v>
      </c>
      <c r="C29" s="5">
        <v>0.28000000000000003</v>
      </c>
      <c r="D29" s="5">
        <v>1.2E-2</v>
      </c>
      <c r="E29" s="5">
        <v>0.98799999999999999</v>
      </c>
      <c r="F29" s="5">
        <v>3.6999999999999998E-2</v>
      </c>
      <c r="G29" s="5">
        <v>0.96299999999999997</v>
      </c>
      <c r="L29" s="9"/>
      <c r="M29" s="9"/>
      <c r="N29" s="9"/>
      <c r="P29" s="9"/>
      <c r="Q29" s="9"/>
      <c r="R29" s="9"/>
      <c r="T29" s="9"/>
      <c r="U29" s="9"/>
      <c r="V29" s="9"/>
      <c r="X29" s="9"/>
      <c r="Y29" s="9"/>
      <c r="Z29" s="9"/>
    </row>
    <row r="30" spans="1:26">
      <c r="A30" s="56" t="s">
        <v>29</v>
      </c>
      <c r="B30" s="4">
        <v>1528</v>
      </c>
      <c r="C30" s="4">
        <v>788</v>
      </c>
      <c r="D30" s="4">
        <v>65</v>
      </c>
      <c r="E30" s="4">
        <v>2251</v>
      </c>
      <c r="F30" s="4">
        <v>93</v>
      </c>
      <c r="G30" s="4">
        <v>2223</v>
      </c>
    </row>
    <row r="31" spans="1:26">
      <c r="A31" s="57"/>
      <c r="B31" s="5">
        <v>0.66</v>
      </c>
      <c r="C31" s="5">
        <v>0.34</v>
      </c>
      <c r="D31" s="5">
        <v>2.8000000000000001E-2</v>
      </c>
      <c r="E31" s="5">
        <v>0.97199999999999998</v>
      </c>
      <c r="F31" s="5">
        <v>0.04</v>
      </c>
      <c r="G31" s="5">
        <v>0.96</v>
      </c>
      <c r="L31" s="9"/>
      <c r="M31" s="9"/>
      <c r="N31" s="9"/>
      <c r="P31" s="9"/>
      <c r="Q31" s="9"/>
      <c r="R31" s="9"/>
      <c r="T31" s="9"/>
      <c r="U31" s="9"/>
      <c r="V31" s="9"/>
      <c r="X31" s="9"/>
      <c r="Y31" s="9"/>
      <c r="Z31" s="9"/>
    </row>
    <row r="32" spans="1:26">
      <c r="A32" s="30"/>
      <c r="B32" s="30"/>
      <c r="C32" s="30"/>
      <c r="D32" s="30"/>
      <c r="E32" s="30"/>
      <c r="F32" s="30"/>
      <c r="G32" s="30"/>
    </row>
    <row r="33" spans="1:7" ht="46.5" customHeight="1">
      <c r="A33" s="60" t="s">
        <v>178</v>
      </c>
      <c r="B33" s="62" t="s">
        <v>246</v>
      </c>
      <c r="C33" s="63"/>
      <c r="D33" s="62" t="s">
        <v>247</v>
      </c>
      <c r="E33" s="63"/>
      <c r="F33" s="62" t="s">
        <v>248</v>
      </c>
      <c r="G33" s="64"/>
    </row>
    <row r="34" spans="1:7">
      <c r="A34" s="60"/>
      <c r="B34" s="8" t="s">
        <v>190</v>
      </c>
      <c r="C34" s="8" t="s">
        <v>191</v>
      </c>
      <c r="D34" s="8" t="s">
        <v>190</v>
      </c>
      <c r="E34" s="8" t="s">
        <v>191</v>
      </c>
      <c r="F34" s="8" t="s">
        <v>190</v>
      </c>
      <c r="G34" s="8" t="s">
        <v>191</v>
      </c>
    </row>
    <row r="35" spans="1:7">
      <c r="A35" s="56" t="s">
        <v>179</v>
      </c>
      <c r="B35" s="4">
        <v>32</v>
      </c>
      <c r="C35" s="4">
        <v>622</v>
      </c>
      <c r="D35" s="4">
        <v>2</v>
      </c>
      <c r="E35" s="4">
        <v>652</v>
      </c>
      <c r="F35" s="4">
        <v>18</v>
      </c>
      <c r="G35" s="4">
        <v>636</v>
      </c>
    </row>
    <row r="36" spans="1:7">
      <c r="A36" s="61"/>
      <c r="B36" s="5">
        <v>4.9000000000000002E-2</v>
      </c>
      <c r="C36" s="5">
        <v>0.95099999999999996</v>
      </c>
      <c r="D36" s="5">
        <v>3.0000000000000001E-3</v>
      </c>
      <c r="E36" s="5">
        <v>0.997</v>
      </c>
      <c r="F36" s="5">
        <v>2.8000000000000001E-2</v>
      </c>
      <c r="G36" s="5">
        <v>0.97199999999999998</v>
      </c>
    </row>
    <row r="37" spans="1:7">
      <c r="A37" s="56" t="s">
        <v>180</v>
      </c>
      <c r="B37" s="4">
        <v>56</v>
      </c>
      <c r="C37" s="4">
        <v>1116</v>
      </c>
      <c r="D37" s="4">
        <v>1</v>
      </c>
      <c r="E37" s="4">
        <v>1171</v>
      </c>
      <c r="F37" s="4">
        <v>18</v>
      </c>
      <c r="G37" s="4">
        <v>1154</v>
      </c>
    </row>
    <row r="38" spans="1:7">
      <c r="A38" s="57"/>
      <c r="B38" s="5">
        <v>4.8000000000000001E-2</v>
      </c>
      <c r="C38" s="5">
        <v>0.95199999999999996</v>
      </c>
      <c r="D38" s="5">
        <v>1E-3</v>
      </c>
      <c r="E38" s="5">
        <v>0.999</v>
      </c>
      <c r="F38" s="5">
        <v>1.4999999999999999E-2</v>
      </c>
      <c r="G38" s="5">
        <v>0.98499999999999999</v>
      </c>
    </row>
    <row r="39" spans="1:7">
      <c r="A39" s="56" t="s">
        <v>181</v>
      </c>
      <c r="B39" s="6">
        <v>17</v>
      </c>
      <c r="C39" s="6">
        <v>334</v>
      </c>
      <c r="D39" s="6">
        <v>0</v>
      </c>
      <c r="E39" s="6">
        <v>351</v>
      </c>
      <c r="F39" s="6">
        <v>4</v>
      </c>
      <c r="G39" s="6">
        <v>347</v>
      </c>
    </row>
    <row r="40" spans="1:7">
      <c r="A40" s="57"/>
      <c r="B40" s="5">
        <v>4.8000000000000001E-2</v>
      </c>
      <c r="C40" s="5">
        <v>0.95199999999999996</v>
      </c>
      <c r="D40" s="5">
        <v>0</v>
      </c>
      <c r="E40" s="5">
        <v>1</v>
      </c>
      <c r="F40" s="5">
        <v>1.0999999999999999E-2</v>
      </c>
      <c r="G40" s="5">
        <v>0.98899999999999999</v>
      </c>
    </row>
    <row r="41" spans="1:7">
      <c r="A41" s="73" t="s">
        <v>182</v>
      </c>
      <c r="B41" s="6">
        <v>4</v>
      </c>
      <c r="C41" s="6">
        <v>53</v>
      </c>
      <c r="D41" s="6">
        <v>1</v>
      </c>
      <c r="E41" s="6">
        <v>56</v>
      </c>
      <c r="F41" s="6">
        <v>2</v>
      </c>
      <c r="G41" s="6">
        <v>55</v>
      </c>
    </row>
    <row r="42" spans="1:7">
      <c r="A42" s="74"/>
      <c r="B42" s="5">
        <v>7.0000000000000007E-2</v>
      </c>
      <c r="C42" s="5">
        <v>0.93</v>
      </c>
      <c r="D42" s="5">
        <v>1.7999999999999999E-2</v>
      </c>
      <c r="E42" s="5">
        <v>0.98199999999999998</v>
      </c>
      <c r="F42" s="5">
        <v>3.5000000000000003E-2</v>
      </c>
      <c r="G42" s="5">
        <v>0.96499999999999997</v>
      </c>
    </row>
    <row r="43" spans="1:7">
      <c r="A43" s="56" t="s">
        <v>171</v>
      </c>
      <c r="B43" s="6">
        <v>5</v>
      </c>
      <c r="C43" s="6">
        <v>77</v>
      </c>
      <c r="D43" s="6">
        <v>2</v>
      </c>
      <c r="E43" s="6">
        <v>80</v>
      </c>
      <c r="F43" s="6">
        <v>2</v>
      </c>
      <c r="G43" s="6">
        <v>80</v>
      </c>
    </row>
    <row r="44" spans="1:7">
      <c r="A44" s="57"/>
      <c r="B44" s="5">
        <v>6.0999999999999999E-2</v>
      </c>
      <c r="C44" s="5">
        <v>0.93899999999999995</v>
      </c>
      <c r="D44" s="5">
        <v>2.4E-2</v>
      </c>
      <c r="E44" s="5">
        <v>0.97599999999999998</v>
      </c>
      <c r="F44" s="5">
        <v>2.4E-2</v>
      </c>
      <c r="G44" s="5">
        <v>0.97599999999999998</v>
      </c>
    </row>
    <row r="45" spans="1:7">
      <c r="A45" s="56" t="s">
        <v>29</v>
      </c>
      <c r="B45" s="4">
        <v>114</v>
      </c>
      <c r="C45" s="4">
        <v>2202</v>
      </c>
      <c r="D45" s="4">
        <v>6</v>
      </c>
      <c r="E45" s="4">
        <v>2310</v>
      </c>
      <c r="F45" s="4">
        <v>44</v>
      </c>
      <c r="G45" s="4">
        <v>2272</v>
      </c>
    </row>
    <row r="46" spans="1:7">
      <c r="A46" s="57"/>
      <c r="B46" s="5">
        <v>4.9000000000000002E-2</v>
      </c>
      <c r="C46" s="5">
        <v>0.95099999999999996</v>
      </c>
      <c r="D46" s="5">
        <v>3.0000000000000001E-3</v>
      </c>
      <c r="E46" s="5">
        <v>0.997</v>
      </c>
      <c r="F46" s="5">
        <v>1.9E-2</v>
      </c>
      <c r="G46" s="5">
        <v>0.98099999999999998</v>
      </c>
    </row>
    <row r="47" spans="1:7" ht="14.25" customHeight="1">
      <c r="A47" s="55" t="s">
        <v>501</v>
      </c>
      <c r="B47" s="55"/>
      <c r="C47" s="55"/>
      <c r="D47" s="55"/>
      <c r="E47" s="55"/>
      <c r="F47" s="55"/>
      <c r="G47" s="55"/>
    </row>
    <row r="48" spans="1:7">
      <c r="A48" s="55"/>
      <c r="B48" s="55"/>
      <c r="C48" s="55"/>
      <c r="D48" s="55"/>
      <c r="E48" s="55"/>
      <c r="F48" s="55"/>
      <c r="G48" s="55"/>
    </row>
  </sheetData>
  <mergeCells count="31">
    <mergeCell ref="F18:G18"/>
    <mergeCell ref="B18:C18"/>
    <mergeCell ref="D18:E18"/>
    <mergeCell ref="A28:A29"/>
    <mergeCell ref="A30:A31"/>
    <mergeCell ref="A20:A21"/>
    <mergeCell ref="A22:A23"/>
    <mergeCell ref="A24:A25"/>
    <mergeCell ref="A26:A27"/>
    <mergeCell ref="A47:G48"/>
    <mergeCell ref="A33:A34"/>
    <mergeCell ref="B33:C33"/>
    <mergeCell ref="D33:E33"/>
    <mergeCell ref="F33:G33"/>
    <mergeCell ref="A45:A46"/>
    <mergeCell ref="A35:A36"/>
    <mergeCell ref="A37:A38"/>
    <mergeCell ref="A39:A40"/>
    <mergeCell ref="A41:A42"/>
    <mergeCell ref="A43:A44"/>
    <mergeCell ref="A3:A4"/>
    <mergeCell ref="B3:C3"/>
    <mergeCell ref="D3:E3"/>
    <mergeCell ref="F3:G3"/>
    <mergeCell ref="A5:A6"/>
    <mergeCell ref="A7:A8"/>
    <mergeCell ref="A9:A10"/>
    <mergeCell ref="A11:A12"/>
    <mergeCell ref="A13:A14"/>
    <mergeCell ref="A18:A19"/>
    <mergeCell ref="A15:A16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2"/>
  <dimension ref="A1:M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3">
      <c r="A1" s="1" t="s">
        <v>587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78</v>
      </c>
      <c r="B3" s="53" t="s">
        <v>122</v>
      </c>
      <c r="C3" s="53"/>
      <c r="D3" s="53"/>
      <c r="E3" s="53"/>
      <c r="F3" s="2"/>
    </row>
    <row r="4" spans="1:13" ht="28.5">
      <c r="A4" s="60"/>
      <c r="B4" s="8" t="s">
        <v>553</v>
      </c>
      <c r="C4" s="8" t="s">
        <v>554</v>
      </c>
      <c r="D4" s="8" t="s">
        <v>27</v>
      </c>
      <c r="E4" s="8" t="s">
        <v>28</v>
      </c>
    </row>
    <row r="5" spans="1:13">
      <c r="A5" s="56" t="s">
        <v>179</v>
      </c>
      <c r="B5" s="4">
        <v>501</v>
      </c>
      <c r="C5" s="4">
        <v>484</v>
      </c>
      <c r="D5" s="4">
        <v>4</v>
      </c>
      <c r="E5" s="4">
        <v>989</v>
      </c>
    </row>
    <row r="6" spans="1:13">
      <c r="A6" s="61"/>
      <c r="B6" s="5">
        <v>0.50700000000000001</v>
      </c>
      <c r="C6" s="5">
        <v>0.48899999999999999</v>
      </c>
      <c r="D6" s="5">
        <v>4.0000000000000001E-3</v>
      </c>
      <c r="E6" s="5">
        <v>1</v>
      </c>
    </row>
    <row r="7" spans="1:13">
      <c r="A7" s="56" t="s">
        <v>180</v>
      </c>
      <c r="B7" s="4">
        <v>1043</v>
      </c>
      <c r="C7" s="4">
        <v>807</v>
      </c>
      <c r="D7" s="4">
        <v>9</v>
      </c>
      <c r="E7" s="4">
        <v>1859</v>
      </c>
    </row>
    <row r="8" spans="1:13">
      <c r="A8" s="57"/>
      <c r="B8" s="5">
        <v>0.56100000000000005</v>
      </c>
      <c r="C8" s="5">
        <v>0.434</v>
      </c>
      <c r="D8" s="5">
        <v>5.0000000000000001E-3</v>
      </c>
      <c r="E8" s="5">
        <v>1</v>
      </c>
      <c r="J8" s="9"/>
      <c r="K8" s="9"/>
      <c r="L8" s="9"/>
      <c r="M8" s="9"/>
    </row>
    <row r="9" spans="1:13">
      <c r="A9" s="56" t="s">
        <v>181</v>
      </c>
      <c r="B9" s="6">
        <v>350</v>
      </c>
      <c r="C9" s="6">
        <v>226</v>
      </c>
      <c r="D9" s="6">
        <v>1</v>
      </c>
      <c r="E9" s="6">
        <v>577</v>
      </c>
    </row>
    <row r="10" spans="1:13">
      <c r="A10" s="57"/>
      <c r="B10" s="5">
        <v>0.60699999999999998</v>
      </c>
      <c r="C10" s="5">
        <v>0.39200000000000002</v>
      </c>
      <c r="D10" s="5">
        <v>2E-3</v>
      </c>
      <c r="E10" s="5">
        <v>1</v>
      </c>
      <c r="J10" s="9"/>
      <c r="K10" s="9"/>
      <c r="L10" s="9"/>
      <c r="M10" s="9"/>
    </row>
    <row r="11" spans="1:13" ht="14.25" customHeight="1">
      <c r="A11" s="73" t="s">
        <v>182</v>
      </c>
      <c r="B11" s="6">
        <v>61</v>
      </c>
      <c r="C11" s="6">
        <v>72</v>
      </c>
      <c r="D11" s="6">
        <v>0</v>
      </c>
      <c r="E11" s="6">
        <v>133</v>
      </c>
    </row>
    <row r="12" spans="1:13">
      <c r="A12" s="74"/>
      <c r="B12" s="5">
        <v>0.45900000000000002</v>
      </c>
      <c r="C12" s="5">
        <v>0.54100000000000004</v>
      </c>
      <c r="D12" s="5">
        <v>0</v>
      </c>
      <c r="E12" s="5">
        <v>1</v>
      </c>
      <c r="J12" s="9"/>
      <c r="K12" s="9"/>
      <c r="L12" s="9"/>
      <c r="M12" s="9"/>
    </row>
    <row r="13" spans="1:13">
      <c r="A13" s="56" t="s">
        <v>171</v>
      </c>
      <c r="B13" s="6">
        <v>75</v>
      </c>
      <c r="C13" s="6">
        <v>51</v>
      </c>
      <c r="D13" s="6">
        <v>1</v>
      </c>
      <c r="E13" s="6">
        <v>127</v>
      </c>
    </row>
    <row r="14" spans="1:13">
      <c r="A14" s="57"/>
      <c r="B14" s="5">
        <v>0.59099999999999997</v>
      </c>
      <c r="C14" s="5">
        <v>0.40200000000000002</v>
      </c>
      <c r="D14" s="5">
        <v>8.0000000000000002E-3</v>
      </c>
      <c r="E14" s="5">
        <v>1</v>
      </c>
      <c r="J14" s="9"/>
      <c r="K14" s="9"/>
      <c r="L14" s="9"/>
      <c r="M14" s="9"/>
    </row>
    <row r="15" spans="1:13">
      <c r="A15" s="56" t="s">
        <v>29</v>
      </c>
      <c r="B15" s="4">
        <v>2030</v>
      </c>
      <c r="C15" s="4">
        <v>1640</v>
      </c>
      <c r="D15" s="4">
        <v>15</v>
      </c>
      <c r="E15" s="4">
        <v>3685</v>
      </c>
    </row>
    <row r="16" spans="1:13">
      <c r="A16" s="57"/>
      <c r="B16" s="5">
        <v>0.55100000000000005</v>
      </c>
      <c r="C16" s="5">
        <v>0.44500000000000001</v>
      </c>
      <c r="D16" s="5">
        <v>4.0000000000000001E-3</v>
      </c>
      <c r="E16" s="5">
        <v>1</v>
      </c>
      <c r="J16" s="9"/>
      <c r="K16" s="9"/>
      <c r="L16" s="9"/>
      <c r="M16" s="9"/>
    </row>
    <row r="17" spans="1:13">
      <c r="A17" s="54" t="s">
        <v>123</v>
      </c>
      <c r="B17" s="54"/>
      <c r="C17" s="54"/>
      <c r="D17" s="54"/>
      <c r="E17" s="54"/>
    </row>
    <row r="18" spans="1:13">
      <c r="A18" s="55"/>
      <c r="B18" s="55"/>
      <c r="C18" s="55"/>
      <c r="D18" s="55"/>
      <c r="E18" s="55"/>
      <c r="J18" s="9"/>
      <c r="K18" s="9"/>
      <c r="L18" s="9"/>
      <c r="M18" s="9"/>
    </row>
    <row r="20" spans="1:13"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9">
    <mergeCell ref="A13:A14"/>
    <mergeCell ref="A15:A16"/>
    <mergeCell ref="A17:E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3"/>
  <dimension ref="A1:Q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7">
      <c r="A1" s="1" t="s">
        <v>588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178</v>
      </c>
      <c r="B3" s="53" t="s">
        <v>126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556</v>
      </c>
      <c r="C4" s="8" t="s">
        <v>557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17">
      <c r="A5" s="56" t="s">
        <v>179</v>
      </c>
      <c r="B5" s="4">
        <v>192</v>
      </c>
      <c r="C5" s="4">
        <v>344</v>
      </c>
      <c r="D5" s="4">
        <v>269</v>
      </c>
      <c r="E5" s="4">
        <v>146</v>
      </c>
      <c r="F5" s="4">
        <v>38</v>
      </c>
      <c r="G5" s="4">
        <v>989</v>
      </c>
    </row>
    <row r="6" spans="1:17">
      <c r="A6" s="61"/>
      <c r="B6" s="5">
        <v>0.19400000000000001</v>
      </c>
      <c r="C6" s="5">
        <v>0.34799999999999998</v>
      </c>
      <c r="D6" s="5">
        <v>0.27200000000000002</v>
      </c>
      <c r="E6" s="5">
        <v>0.14799999999999999</v>
      </c>
      <c r="F6" s="5">
        <v>3.7999999999999999E-2</v>
      </c>
      <c r="G6" s="5">
        <v>1</v>
      </c>
    </row>
    <row r="7" spans="1:17">
      <c r="A7" s="56" t="s">
        <v>180</v>
      </c>
      <c r="B7" s="6">
        <v>305</v>
      </c>
      <c r="C7" s="6">
        <v>636</v>
      </c>
      <c r="D7" s="6">
        <v>546</v>
      </c>
      <c r="E7" s="6">
        <v>318</v>
      </c>
      <c r="F7" s="6">
        <v>54</v>
      </c>
      <c r="G7" s="4">
        <v>1859</v>
      </c>
    </row>
    <row r="8" spans="1:17">
      <c r="A8" s="57"/>
      <c r="B8" s="5">
        <v>0.16400000000000001</v>
      </c>
      <c r="C8" s="5">
        <v>0.34200000000000003</v>
      </c>
      <c r="D8" s="5">
        <v>0.29399999999999998</v>
      </c>
      <c r="E8" s="5">
        <v>0.17100000000000001</v>
      </c>
      <c r="F8" s="5">
        <v>2.9000000000000001E-2</v>
      </c>
      <c r="G8" s="5">
        <v>1</v>
      </c>
      <c r="L8" s="9"/>
      <c r="M8" s="9"/>
      <c r="N8" s="9"/>
      <c r="O8" s="9"/>
      <c r="P8" s="9"/>
      <c r="Q8" s="9"/>
    </row>
    <row r="9" spans="1:17">
      <c r="A9" s="56" t="s">
        <v>181</v>
      </c>
      <c r="B9" s="6">
        <v>60</v>
      </c>
      <c r="C9" s="6">
        <v>200</v>
      </c>
      <c r="D9" s="6">
        <v>184</v>
      </c>
      <c r="E9" s="6">
        <v>118</v>
      </c>
      <c r="F9" s="6">
        <v>15</v>
      </c>
      <c r="G9" s="6">
        <v>577</v>
      </c>
    </row>
    <row r="10" spans="1:17">
      <c r="A10" s="57"/>
      <c r="B10" s="5">
        <v>0.104</v>
      </c>
      <c r="C10" s="5">
        <v>0.34699999999999998</v>
      </c>
      <c r="D10" s="5">
        <v>0.31900000000000001</v>
      </c>
      <c r="E10" s="5">
        <v>0.20499999999999999</v>
      </c>
      <c r="F10" s="5">
        <v>2.5999999999999999E-2</v>
      </c>
      <c r="G10" s="5">
        <v>1</v>
      </c>
      <c r="L10" s="9"/>
      <c r="M10" s="9"/>
      <c r="N10" s="9"/>
      <c r="O10" s="9"/>
      <c r="P10" s="9"/>
      <c r="Q10" s="9"/>
    </row>
    <row r="11" spans="1:17" ht="14.25" customHeight="1">
      <c r="A11" s="73" t="s">
        <v>182</v>
      </c>
      <c r="B11" s="6">
        <v>15</v>
      </c>
      <c r="C11" s="6">
        <v>44</v>
      </c>
      <c r="D11" s="6">
        <v>40</v>
      </c>
      <c r="E11" s="6">
        <v>25</v>
      </c>
      <c r="F11" s="6">
        <v>9</v>
      </c>
      <c r="G11" s="6">
        <v>133</v>
      </c>
    </row>
    <row r="12" spans="1:17">
      <c r="A12" s="74"/>
      <c r="B12" s="5">
        <v>0.113</v>
      </c>
      <c r="C12" s="5">
        <v>0.33100000000000002</v>
      </c>
      <c r="D12" s="5">
        <v>0.30099999999999999</v>
      </c>
      <c r="E12" s="5">
        <v>0.188</v>
      </c>
      <c r="F12" s="5">
        <v>6.8000000000000005E-2</v>
      </c>
      <c r="G12" s="5">
        <v>1</v>
      </c>
      <c r="L12" s="9"/>
      <c r="M12" s="9"/>
      <c r="N12" s="9"/>
      <c r="O12" s="9"/>
      <c r="P12" s="9"/>
      <c r="Q12" s="9"/>
    </row>
    <row r="13" spans="1:17">
      <c r="A13" s="56" t="s">
        <v>171</v>
      </c>
      <c r="B13" s="6">
        <v>22</v>
      </c>
      <c r="C13" s="6">
        <v>35</v>
      </c>
      <c r="D13" s="6">
        <v>39</v>
      </c>
      <c r="E13" s="6">
        <v>24</v>
      </c>
      <c r="F13" s="6">
        <v>7</v>
      </c>
      <c r="G13" s="6">
        <v>127</v>
      </c>
    </row>
    <row r="14" spans="1:17">
      <c r="A14" s="57"/>
      <c r="B14" s="5">
        <v>0.17299999999999999</v>
      </c>
      <c r="C14" s="5">
        <v>0.27600000000000002</v>
      </c>
      <c r="D14" s="5">
        <v>0.307</v>
      </c>
      <c r="E14" s="5">
        <v>0.189</v>
      </c>
      <c r="F14" s="5">
        <v>5.5E-2</v>
      </c>
      <c r="G14" s="5">
        <v>1</v>
      </c>
      <c r="L14" s="9"/>
      <c r="M14" s="9"/>
      <c r="N14" s="9"/>
      <c r="O14" s="9"/>
      <c r="P14" s="9"/>
      <c r="Q14" s="9"/>
    </row>
    <row r="15" spans="1:17">
      <c r="A15" s="56" t="s">
        <v>29</v>
      </c>
      <c r="B15" s="4">
        <v>594</v>
      </c>
      <c r="C15" s="4">
        <v>1259</v>
      </c>
      <c r="D15" s="4">
        <v>1078</v>
      </c>
      <c r="E15" s="4">
        <v>631</v>
      </c>
      <c r="F15" s="4">
        <v>123</v>
      </c>
      <c r="G15" s="4">
        <v>3685</v>
      </c>
    </row>
    <row r="16" spans="1:17">
      <c r="A16" s="57"/>
      <c r="B16" s="5">
        <v>0.161</v>
      </c>
      <c r="C16" s="5">
        <v>0.34200000000000003</v>
      </c>
      <c r="D16" s="5">
        <v>0.29299999999999998</v>
      </c>
      <c r="E16" s="5">
        <v>0.17100000000000001</v>
      </c>
      <c r="F16" s="5">
        <v>3.3000000000000002E-2</v>
      </c>
      <c r="G16" s="5">
        <v>1</v>
      </c>
      <c r="L16" s="9"/>
      <c r="M16" s="9"/>
      <c r="N16" s="9"/>
      <c r="O16" s="9"/>
      <c r="P16" s="9"/>
      <c r="Q16" s="9"/>
    </row>
    <row r="17" spans="1:17">
      <c r="A17" s="54" t="s">
        <v>127</v>
      </c>
      <c r="B17" s="54"/>
      <c r="C17" s="54"/>
      <c r="D17" s="54"/>
      <c r="E17" s="54"/>
      <c r="F17" s="54"/>
      <c r="G17" s="54"/>
    </row>
    <row r="18" spans="1:17">
      <c r="A18" s="55"/>
      <c r="B18" s="55"/>
      <c r="C18" s="55"/>
      <c r="D18" s="55"/>
      <c r="E18" s="55"/>
      <c r="F18" s="55"/>
      <c r="G18" s="55"/>
      <c r="L18" s="9"/>
      <c r="M18" s="9"/>
      <c r="N18" s="9"/>
      <c r="O18" s="9"/>
      <c r="P18" s="9"/>
      <c r="Q18" s="9"/>
    </row>
    <row r="20" spans="1:17">
      <c r="L20" s="9"/>
      <c r="M20" s="9"/>
      <c r="N20" s="9"/>
      <c r="O20" s="9"/>
      <c r="P20" s="9"/>
      <c r="Q20" s="9"/>
    </row>
    <row r="22" spans="1:17">
      <c r="L22" s="9"/>
      <c r="M22" s="9"/>
      <c r="N22" s="9"/>
      <c r="O22" s="9"/>
      <c r="P22" s="9"/>
      <c r="Q22" s="9"/>
    </row>
    <row r="24" spans="1:17">
      <c r="L24" s="9"/>
      <c r="M24" s="9"/>
      <c r="N24" s="9"/>
      <c r="O24" s="9"/>
      <c r="P24" s="9"/>
      <c r="Q24" s="9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4"/>
  <dimension ref="A1:O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589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78</v>
      </c>
      <c r="B3" s="53" t="s">
        <v>128</v>
      </c>
      <c r="C3" s="53"/>
      <c r="D3" s="53"/>
      <c r="E3" s="53"/>
      <c r="F3" s="53"/>
      <c r="G3" s="2"/>
    </row>
    <row r="4" spans="1:15" ht="28.5">
      <c r="A4" s="60"/>
      <c r="B4" s="8" t="s">
        <v>153</v>
      </c>
      <c r="C4" s="8" t="s">
        <v>155</v>
      </c>
      <c r="D4" s="8" t="s">
        <v>559</v>
      </c>
      <c r="E4" s="8" t="s">
        <v>42</v>
      </c>
      <c r="F4" s="8" t="s">
        <v>29</v>
      </c>
    </row>
    <row r="5" spans="1:15">
      <c r="A5" s="56" t="s">
        <v>179</v>
      </c>
      <c r="B5" s="4">
        <v>30</v>
      </c>
      <c r="C5" s="4">
        <v>762</v>
      </c>
      <c r="D5" s="4">
        <v>195</v>
      </c>
      <c r="E5" s="4">
        <v>2</v>
      </c>
      <c r="F5" s="4">
        <v>989</v>
      </c>
    </row>
    <row r="6" spans="1:15">
      <c r="A6" s="61"/>
      <c r="B6" s="5">
        <v>0.03</v>
      </c>
      <c r="C6" s="5">
        <v>0.77</v>
      </c>
      <c r="D6" s="5">
        <v>0.19700000000000001</v>
      </c>
      <c r="E6" s="5">
        <v>2E-3</v>
      </c>
      <c r="F6" s="5">
        <v>1</v>
      </c>
    </row>
    <row r="7" spans="1:15">
      <c r="A7" s="56" t="s">
        <v>180</v>
      </c>
      <c r="B7" s="4">
        <v>77</v>
      </c>
      <c r="C7" s="4">
        <v>1458</v>
      </c>
      <c r="D7" s="4">
        <v>322</v>
      </c>
      <c r="E7" s="4">
        <v>2</v>
      </c>
      <c r="F7" s="4">
        <v>1859</v>
      </c>
      <c r="K7" s="9"/>
      <c r="L7" s="9"/>
      <c r="M7" s="9"/>
      <c r="N7" s="9"/>
      <c r="O7" s="9"/>
    </row>
    <row r="8" spans="1:15">
      <c r="A8" s="57"/>
      <c r="B8" s="5">
        <v>4.1000000000000002E-2</v>
      </c>
      <c r="C8" s="5">
        <v>0.78400000000000003</v>
      </c>
      <c r="D8" s="5">
        <v>0.17299999999999999</v>
      </c>
      <c r="E8" s="5">
        <v>1E-3</v>
      </c>
      <c r="F8" s="5">
        <v>1</v>
      </c>
    </row>
    <row r="9" spans="1:15">
      <c r="A9" s="56" t="s">
        <v>181</v>
      </c>
      <c r="B9" s="6">
        <v>56</v>
      </c>
      <c r="C9" s="6">
        <v>429</v>
      </c>
      <c r="D9" s="6">
        <v>91</v>
      </c>
      <c r="E9" s="6">
        <v>1</v>
      </c>
      <c r="F9" s="6">
        <v>577</v>
      </c>
      <c r="K9" s="9"/>
      <c r="L9" s="9"/>
      <c r="M9" s="9"/>
      <c r="N9" s="9"/>
      <c r="O9" s="9"/>
    </row>
    <row r="10" spans="1:15">
      <c r="A10" s="57"/>
      <c r="B10" s="5">
        <v>9.7000000000000003E-2</v>
      </c>
      <c r="C10" s="5">
        <v>0.74399999999999999</v>
      </c>
      <c r="D10" s="5">
        <v>0.158</v>
      </c>
      <c r="E10" s="5">
        <v>2E-3</v>
      </c>
      <c r="F10" s="5">
        <v>1</v>
      </c>
    </row>
    <row r="11" spans="1:15" ht="14.25" customHeight="1">
      <c r="A11" s="73" t="s">
        <v>182</v>
      </c>
      <c r="B11" s="6">
        <v>16</v>
      </c>
      <c r="C11" s="6">
        <v>77</v>
      </c>
      <c r="D11" s="6">
        <v>40</v>
      </c>
      <c r="E11" s="6">
        <v>0</v>
      </c>
      <c r="F11" s="6">
        <v>133</v>
      </c>
      <c r="K11" s="9"/>
      <c r="L11" s="9"/>
      <c r="M11" s="9"/>
      <c r="N11" s="9"/>
      <c r="O11" s="9"/>
    </row>
    <row r="12" spans="1:15">
      <c r="A12" s="74"/>
      <c r="B12" s="5">
        <v>0.12</v>
      </c>
      <c r="C12" s="5">
        <v>0.57899999999999996</v>
      </c>
      <c r="D12" s="5">
        <v>0.30099999999999999</v>
      </c>
      <c r="E12" s="5">
        <v>0</v>
      </c>
      <c r="F12" s="5">
        <v>1</v>
      </c>
    </row>
    <row r="13" spans="1:15">
      <c r="A13" s="56" t="s">
        <v>171</v>
      </c>
      <c r="B13" s="6">
        <v>7</v>
      </c>
      <c r="C13" s="6">
        <v>95</v>
      </c>
      <c r="D13" s="6">
        <v>24</v>
      </c>
      <c r="E13" s="6">
        <v>1</v>
      </c>
      <c r="F13" s="6">
        <v>127</v>
      </c>
      <c r="K13" s="9"/>
      <c r="L13" s="9"/>
      <c r="M13" s="9"/>
      <c r="N13" s="9"/>
      <c r="O13" s="9"/>
    </row>
    <row r="14" spans="1:15">
      <c r="A14" s="57"/>
      <c r="B14" s="5">
        <v>5.5E-2</v>
      </c>
      <c r="C14" s="5">
        <v>0.748</v>
      </c>
      <c r="D14" s="5">
        <v>0.189</v>
      </c>
      <c r="E14" s="5">
        <v>8.0000000000000002E-3</v>
      </c>
      <c r="F14" s="5">
        <v>1</v>
      </c>
    </row>
    <row r="15" spans="1:15">
      <c r="A15" s="56" t="s">
        <v>29</v>
      </c>
      <c r="B15" s="4">
        <v>186</v>
      </c>
      <c r="C15" s="4">
        <v>2821</v>
      </c>
      <c r="D15" s="4">
        <v>672</v>
      </c>
      <c r="E15" s="4">
        <v>6</v>
      </c>
      <c r="F15" s="4">
        <v>3685</v>
      </c>
      <c r="K15" s="9"/>
      <c r="L15" s="9"/>
      <c r="M15" s="9"/>
      <c r="N15" s="9"/>
      <c r="O15" s="9"/>
    </row>
    <row r="16" spans="1:15">
      <c r="A16" s="57"/>
      <c r="B16" s="5">
        <v>0.05</v>
      </c>
      <c r="C16" s="5">
        <v>0.76600000000000001</v>
      </c>
      <c r="D16" s="5">
        <v>0.182</v>
      </c>
      <c r="E16" s="5">
        <v>2E-3</v>
      </c>
      <c r="F16" s="5">
        <v>1</v>
      </c>
    </row>
    <row r="17" spans="1:15">
      <c r="A17" s="54" t="s">
        <v>129</v>
      </c>
      <c r="B17" s="54"/>
      <c r="C17" s="54"/>
      <c r="D17" s="54"/>
      <c r="E17" s="54"/>
      <c r="F17" s="54"/>
      <c r="K17" s="9"/>
      <c r="L17" s="9"/>
      <c r="M17" s="9"/>
      <c r="N17" s="9"/>
      <c r="O17" s="9"/>
    </row>
    <row r="18" spans="1:15">
      <c r="A18" s="55"/>
      <c r="B18" s="55"/>
      <c r="C18" s="55"/>
      <c r="D18" s="55"/>
      <c r="E18" s="55"/>
      <c r="F18" s="55"/>
    </row>
    <row r="19" spans="1:15">
      <c r="K19" s="9"/>
      <c r="L19" s="9"/>
      <c r="M19" s="9"/>
      <c r="N19" s="9"/>
      <c r="O19" s="9"/>
    </row>
    <row r="21" spans="1:15">
      <c r="K21" s="9"/>
      <c r="L21" s="9"/>
      <c r="M21" s="9"/>
      <c r="N21" s="9"/>
      <c r="O21" s="9"/>
    </row>
    <row r="23" spans="1:15">
      <c r="K23" s="9"/>
      <c r="L23" s="9"/>
      <c r="M23" s="9"/>
      <c r="N23" s="9"/>
      <c r="O23" s="9"/>
    </row>
  </sheetData>
  <mergeCells count="9">
    <mergeCell ref="A13:A14"/>
    <mergeCell ref="A15:A16"/>
    <mergeCell ref="A17:F18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5"/>
  <dimension ref="A1:Q23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0" width="9" style="1"/>
    <col min="11" max="11" width="15.25" style="1" customWidth="1"/>
    <col min="12" max="16384" width="9" style="1"/>
  </cols>
  <sheetData>
    <row r="1" spans="1:17">
      <c r="A1" s="1" t="s">
        <v>590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178</v>
      </c>
      <c r="B3" s="53" t="s">
        <v>130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165</v>
      </c>
      <c r="C4" s="8" t="s">
        <v>166</v>
      </c>
      <c r="D4" s="8" t="s">
        <v>167</v>
      </c>
      <c r="E4" s="8" t="s">
        <v>559</v>
      </c>
      <c r="F4" s="8" t="s">
        <v>42</v>
      </c>
      <c r="G4" s="8" t="s">
        <v>29</v>
      </c>
    </row>
    <row r="5" spans="1:17">
      <c r="A5" s="56" t="s">
        <v>179</v>
      </c>
      <c r="B5" s="4">
        <v>23</v>
      </c>
      <c r="C5" s="4">
        <v>2</v>
      </c>
      <c r="D5" s="4">
        <v>3</v>
      </c>
      <c r="E5" s="4">
        <v>1</v>
      </c>
      <c r="F5" s="4">
        <v>1</v>
      </c>
      <c r="G5" s="4">
        <v>30</v>
      </c>
    </row>
    <row r="6" spans="1:17">
      <c r="A6" s="61"/>
      <c r="B6" s="5">
        <v>0.76700000000000002</v>
      </c>
      <c r="C6" s="5">
        <v>6.7000000000000004E-2</v>
      </c>
      <c r="D6" s="5">
        <v>0.1</v>
      </c>
      <c r="E6" s="5">
        <v>3.3000000000000002E-2</v>
      </c>
      <c r="F6" s="5">
        <v>3.3000000000000002E-2</v>
      </c>
      <c r="G6" s="5">
        <v>1</v>
      </c>
    </row>
    <row r="7" spans="1:17">
      <c r="A7" s="56" t="s">
        <v>180</v>
      </c>
      <c r="B7" s="6">
        <v>49</v>
      </c>
      <c r="C7" s="6">
        <v>17</v>
      </c>
      <c r="D7" s="6">
        <v>1</v>
      </c>
      <c r="E7" s="6">
        <v>7</v>
      </c>
      <c r="F7" s="6">
        <v>3</v>
      </c>
      <c r="G7" s="4">
        <v>77</v>
      </c>
      <c r="L7" s="9"/>
      <c r="M7" s="9"/>
      <c r="N7" s="9"/>
      <c r="O7" s="9"/>
      <c r="P7" s="9"/>
      <c r="Q7" s="9"/>
    </row>
    <row r="8" spans="1:17">
      <c r="A8" s="57"/>
      <c r="B8" s="5">
        <v>0.63600000000000001</v>
      </c>
      <c r="C8" s="5">
        <v>0.221</v>
      </c>
      <c r="D8" s="5">
        <v>1.2999999999999999E-2</v>
      </c>
      <c r="E8" s="5">
        <v>9.0999999999999998E-2</v>
      </c>
      <c r="F8" s="5">
        <v>3.9E-2</v>
      </c>
      <c r="G8" s="5">
        <v>1</v>
      </c>
    </row>
    <row r="9" spans="1:17">
      <c r="A9" s="56" t="s">
        <v>181</v>
      </c>
      <c r="B9" s="6">
        <v>35</v>
      </c>
      <c r="C9" s="6">
        <v>10</v>
      </c>
      <c r="D9" s="6">
        <v>5</v>
      </c>
      <c r="E9" s="6">
        <v>4</v>
      </c>
      <c r="F9" s="6">
        <v>2</v>
      </c>
      <c r="G9" s="6">
        <v>56</v>
      </c>
      <c r="L9" s="9"/>
      <c r="M9" s="9"/>
      <c r="N9" s="9"/>
      <c r="O9" s="9"/>
      <c r="P9" s="9"/>
      <c r="Q9" s="9"/>
    </row>
    <row r="10" spans="1:17">
      <c r="A10" s="57"/>
      <c r="B10" s="5">
        <v>0.625</v>
      </c>
      <c r="C10" s="5">
        <v>0.17899999999999999</v>
      </c>
      <c r="D10" s="5">
        <v>8.8999999999999996E-2</v>
      </c>
      <c r="E10" s="5">
        <v>7.0999999999999994E-2</v>
      </c>
      <c r="F10" s="5">
        <v>3.5999999999999997E-2</v>
      </c>
      <c r="G10" s="5">
        <v>1</v>
      </c>
    </row>
    <row r="11" spans="1:17" ht="14.25" customHeight="1">
      <c r="A11" s="73" t="s">
        <v>182</v>
      </c>
      <c r="B11" s="6">
        <v>8</v>
      </c>
      <c r="C11" s="6">
        <v>6</v>
      </c>
      <c r="D11" s="6">
        <v>1</v>
      </c>
      <c r="E11" s="6">
        <v>0</v>
      </c>
      <c r="F11" s="6">
        <v>1</v>
      </c>
      <c r="G11" s="6">
        <v>16</v>
      </c>
      <c r="L11" s="9"/>
      <c r="M11" s="9"/>
      <c r="N11" s="9"/>
      <c r="O11" s="9"/>
      <c r="P11" s="9"/>
      <c r="Q11" s="9"/>
    </row>
    <row r="12" spans="1:17">
      <c r="A12" s="74"/>
      <c r="B12" s="5">
        <v>0.5</v>
      </c>
      <c r="C12" s="5">
        <v>0.375</v>
      </c>
      <c r="D12" s="5">
        <v>6.3E-2</v>
      </c>
      <c r="E12" s="5">
        <v>0</v>
      </c>
      <c r="F12" s="5">
        <v>6.3E-2</v>
      </c>
      <c r="G12" s="5">
        <v>1</v>
      </c>
    </row>
    <row r="13" spans="1:17">
      <c r="A13" s="56" t="s">
        <v>171</v>
      </c>
      <c r="B13" s="6">
        <v>5</v>
      </c>
      <c r="C13" s="6">
        <v>2</v>
      </c>
      <c r="D13" s="6">
        <v>0</v>
      </c>
      <c r="E13" s="6">
        <v>0</v>
      </c>
      <c r="F13" s="6">
        <v>0</v>
      </c>
      <c r="G13" s="6">
        <v>7</v>
      </c>
      <c r="L13" s="9"/>
      <c r="M13" s="9"/>
      <c r="N13" s="9"/>
      <c r="O13" s="9"/>
      <c r="P13" s="9"/>
      <c r="Q13" s="9"/>
    </row>
    <row r="14" spans="1:17">
      <c r="A14" s="57"/>
      <c r="B14" s="5">
        <v>0.71399999999999997</v>
      </c>
      <c r="C14" s="5">
        <v>0.28599999999999998</v>
      </c>
      <c r="D14" s="5">
        <v>0</v>
      </c>
      <c r="E14" s="5">
        <v>0</v>
      </c>
      <c r="F14" s="5">
        <v>0</v>
      </c>
      <c r="G14" s="5">
        <v>1</v>
      </c>
    </row>
    <row r="15" spans="1:17">
      <c r="A15" s="56" t="s">
        <v>29</v>
      </c>
      <c r="B15" s="6">
        <v>120</v>
      </c>
      <c r="C15" s="6">
        <v>37</v>
      </c>
      <c r="D15" s="6">
        <v>10</v>
      </c>
      <c r="E15" s="6">
        <v>12</v>
      </c>
      <c r="F15" s="6">
        <v>7</v>
      </c>
      <c r="G15" s="6">
        <v>186</v>
      </c>
      <c r="L15" s="9"/>
      <c r="M15" s="9"/>
      <c r="N15" s="9"/>
      <c r="O15" s="9"/>
      <c r="P15" s="9"/>
      <c r="Q15" s="9"/>
    </row>
    <row r="16" spans="1:17">
      <c r="A16" s="57"/>
      <c r="B16" s="5">
        <v>0.64500000000000002</v>
      </c>
      <c r="C16" s="5">
        <v>0.19900000000000001</v>
      </c>
      <c r="D16" s="5">
        <v>5.3999999999999999E-2</v>
      </c>
      <c r="E16" s="5">
        <v>6.5000000000000002E-2</v>
      </c>
      <c r="F16" s="5">
        <v>3.7999999999999999E-2</v>
      </c>
      <c r="G16" s="5">
        <v>1</v>
      </c>
    </row>
    <row r="17" spans="1:17">
      <c r="A17" s="54" t="s">
        <v>131</v>
      </c>
      <c r="B17" s="54"/>
      <c r="C17" s="54"/>
      <c r="D17" s="54"/>
      <c r="E17" s="54"/>
      <c r="F17" s="54"/>
      <c r="G17" s="54"/>
      <c r="L17" s="9"/>
      <c r="M17" s="9"/>
      <c r="N17" s="9"/>
      <c r="O17" s="9"/>
      <c r="P17" s="9"/>
      <c r="Q17" s="9"/>
    </row>
    <row r="18" spans="1:17">
      <c r="A18" s="55"/>
      <c r="B18" s="55"/>
      <c r="C18" s="55"/>
      <c r="D18" s="55"/>
      <c r="E18" s="55"/>
      <c r="F18" s="55"/>
      <c r="G18" s="55"/>
    </row>
    <row r="19" spans="1:17">
      <c r="L19" s="9"/>
      <c r="M19" s="9"/>
      <c r="N19" s="9"/>
      <c r="O19" s="9"/>
      <c r="P19" s="9"/>
      <c r="Q19" s="9"/>
    </row>
    <row r="21" spans="1:17">
      <c r="L21" s="9"/>
      <c r="M21" s="9"/>
      <c r="N21" s="9"/>
      <c r="O21" s="9"/>
      <c r="P21" s="9"/>
      <c r="Q21" s="9"/>
    </row>
    <row r="23" spans="1:17">
      <c r="L23" s="9"/>
      <c r="M23" s="9"/>
      <c r="N23" s="9"/>
      <c r="O23" s="9"/>
      <c r="P23" s="9"/>
      <c r="Q23" s="9"/>
    </row>
  </sheetData>
  <mergeCells count="9">
    <mergeCell ref="A13:A14"/>
    <mergeCell ref="A15:A16"/>
    <mergeCell ref="A17:G18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6"/>
  <dimension ref="A1:M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3">
      <c r="A1" s="1" t="s">
        <v>591</v>
      </c>
      <c r="I1" s="10"/>
    </row>
    <row r="2" spans="1:13" ht="14.25" customHeight="1">
      <c r="A2" s="41" t="s">
        <v>812</v>
      </c>
      <c r="C2" s="7"/>
      <c r="D2" s="7"/>
      <c r="E2" s="7"/>
      <c r="I2" s="10"/>
    </row>
    <row r="3" spans="1:13" ht="14.25" customHeight="1">
      <c r="A3" s="60" t="s">
        <v>183</v>
      </c>
      <c r="B3" s="53" t="s">
        <v>39</v>
      </c>
      <c r="C3" s="53"/>
      <c r="D3" s="53"/>
      <c r="E3" s="53"/>
      <c r="F3" s="2"/>
      <c r="I3" s="10"/>
    </row>
    <row r="4" spans="1:13">
      <c r="A4" s="60"/>
      <c r="B4" s="3" t="s">
        <v>132</v>
      </c>
      <c r="C4" s="3" t="s">
        <v>133</v>
      </c>
      <c r="D4" s="3" t="s">
        <v>42</v>
      </c>
      <c r="E4" s="3" t="s">
        <v>134</v>
      </c>
      <c r="I4" s="10"/>
      <c r="J4" s="9"/>
      <c r="K4" s="9"/>
      <c r="L4" s="9"/>
      <c r="M4" s="9"/>
    </row>
    <row r="5" spans="1:13">
      <c r="A5" s="56" t="s">
        <v>184</v>
      </c>
      <c r="B5" s="4">
        <v>155</v>
      </c>
      <c r="C5" s="4">
        <v>43</v>
      </c>
      <c r="D5" s="4">
        <v>6</v>
      </c>
      <c r="E5" s="4">
        <v>204</v>
      </c>
      <c r="I5" s="10"/>
    </row>
    <row r="6" spans="1:13">
      <c r="A6" s="61"/>
      <c r="B6" s="5">
        <v>0.76</v>
      </c>
      <c r="C6" s="5">
        <v>0.21099999999999999</v>
      </c>
      <c r="D6" s="5">
        <v>2.9000000000000001E-2</v>
      </c>
      <c r="E6" s="5">
        <v>1</v>
      </c>
      <c r="I6" s="10"/>
      <c r="J6" s="9"/>
      <c r="K6" s="9"/>
      <c r="L6" s="9"/>
      <c r="M6" s="9"/>
    </row>
    <row r="7" spans="1:13">
      <c r="A7" s="56" t="s">
        <v>185</v>
      </c>
      <c r="B7" s="4">
        <v>2963</v>
      </c>
      <c r="C7" s="4">
        <v>487</v>
      </c>
      <c r="D7" s="4">
        <v>15</v>
      </c>
      <c r="E7" s="4">
        <v>3465</v>
      </c>
      <c r="I7" s="10"/>
    </row>
    <row r="8" spans="1:13">
      <c r="A8" s="57"/>
      <c r="B8" s="5">
        <v>0.85499999999999998</v>
      </c>
      <c r="C8" s="5">
        <v>0.14099999999999999</v>
      </c>
      <c r="D8" s="5">
        <v>4.0000000000000001E-3</v>
      </c>
      <c r="E8" s="5">
        <v>1</v>
      </c>
      <c r="I8" s="10"/>
      <c r="J8" s="9"/>
      <c r="K8" s="9"/>
      <c r="L8" s="9"/>
      <c r="M8" s="9"/>
    </row>
    <row r="9" spans="1:13">
      <c r="A9" s="56" t="s">
        <v>186</v>
      </c>
      <c r="B9" s="6">
        <v>1</v>
      </c>
      <c r="C9" s="6">
        <v>0</v>
      </c>
      <c r="D9" s="6">
        <v>0</v>
      </c>
      <c r="E9" s="6">
        <v>1</v>
      </c>
      <c r="I9" s="10"/>
    </row>
    <row r="10" spans="1:13">
      <c r="A10" s="57"/>
      <c r="B10" s="5">
        <v>1</v>
      </c>
      <c r="C10" s="5">
        <v>0</v>
      </c>
      <c r="D10" s="5">
        <v>0</v>
      </c>
      <c r="E10" s="5">
        <v>1</v>
      </c>
      <c r="I10" s="10"/>
      <c r="J10" s="9"/>
      <c r="K10" s="9"/>
      <c r="L10" s="9"/>
      <c r="M10" s="9"/>
    </row>
    <row r="11" spans="1:13" ht="14.25" customHeight="1">
      <c r="A11" s="73" t="s">
        <v>187</v>
      </c>
      <c r="B11" s="6">
        <v>4</v>
      </c>
      <c r="C11" s="6">
        <v>0</v>
      </c>
      <c r="D11" s="6">
        <v>0</v>
      </c>
      <c r="E11" s="6">
        <v>4</v>
      </c>
      <c r="I11" s="10"/>
    </row>
    <row r="12" spans="1:13">
      <c r="A12" s="74"/>
      <c r="B12" s="5">
        <v>1</v>
      </c>
      <c r="C12" s="5">
        <v>0</v>
      </c>
      <c r="D12" s="5">
        <v>0</v>
      </c>
      <c r="E12" s="5">
        <v>1</v>
      </c>
      <c r="I12" s="10"/>
      <c r="J12" s="9"/>
      <c r="K12" s="9"/>
      <c r="L12" s="9"/>
      <c r="M12" s="9"/>
    </row>
    <row r="13" spans="1:13">
      <c r="A13" s="75" t="s">
        <v>188</v>
      </c>
      <c r="B13" s="6">
        <v>5</v>
      </c>
      <c r="C13" s="6">
        <v>0</v>
      </c>
      <c r="D13" s="6">
        <v>0</v>
      </c>
      <c r="E13" s="6">
        <v>5</v>
      </c>
      <c r="I13" s="10"/>
    </row>
    <row r="14" spans="1:13">
      <c r="A14" s="76"/>
      <c r="B14" s="5">
        <v>1</v>
      </c>
      <c r="C14" s="5">
        <v>0</v>
      </c>
      <c r="D14" s="5">
        <v>0</v>
      </c>
      <c r="E14" s="5">
        <v>1</v>
      </c>
      <c r="I14" s="10"/>
      <c r="J14" s="9"/>
      <c r="K14" s="9"/>
      <c r="L14" s="9"/>
      <c r="M14" s="9"/>
    </row>
    <row r="15" spans="1:13">
      <c r="A15" s="56" t="s">
        <v>171</v>
      </c>
      <c r="B15" s="6">
        <v>5</v>
      </c>
      <c r="C15" s="6">
        <v>0</v>
      </c>
      <c r="D15" s="6">
        <v>1</v>
      </c>
      <c r="E15" s="6">
        <v>6</v>
      </c>
    </row>
    <row r="16" spans="1:13">
      <c r="A16" s="57"/>
      <c r="B16" s="5">
        <v>0.83299999999999996</v>
      </c>
      <c r="C16" s="5">
        <v>0</v>
      </c>
      <c r="D16" s="5">
        <v>0.16700000000000001</v>
      </c>
      <c r="E16" s="5">
        <v>1</v>
      </c>
      <c r="J16" s="9"/>
      <c r="K16" s="9"/>
      <c r="L16" s="9"/>
      <c r="M16" s="9"/>
    </row>
    <row r="17" spans="1:5">
      <c r="A17" s="56" t="s">
        <v>177</v>
      </c>
      <c r="B17" s="4">
        <v>3133</v>
      </c>
      <c r="C17" s="4">
        <v>530</v>
      </c>
      <c r="D17" s="4">
        <v>22</v>
      </c>
      <c r="E17" s="4">
        <v>3685</v>
      </c>
    </row>
    <row r="18" spans="1:5">
      <c r="A18" s="61"/>
      <c r="B18" s="5">
        <v>0.85</v>
      </c>
      <c r="C18" s="5">
        <v>0.14399999999999999</v>
      </c>
      <c r="D18" s="5">
        <v>6.0000000000000001E-3</v>
      </c>
      <c r="E18" s="5">
        <v>1</v>
      </c>
    </row>
    <row r="19" spans="1:5">
      <c r="A19" s="54" t="s">
        <v>37</v>
      </c>
      <c r="B19" s="54"/>
      <c r="C19" s="54"/>
      <c r="D19" s="54"/>
      <c r="E19" s="54"/>
    </row>
    <row r="20" spans="1:5">
      <c r="A20" s="55"/>
      <c r="B20" s="55"/>
      <c r="C20" s="55"/>
      <c r="D20" s="55"/>
      <c r="E20" s="55"/>
    </row>
  </sheetData>
  <mergeCells count="10">
    <mergeCell ref="A15:A16"/>
    <mergeCell ref="A17:A18"/>
    <mergeCell ref="A19:E20"/>
    <mergeCell ref="A13:A14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:K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1">
      <c r="A1" s="1" t="s">
        <v>523</v>
      </c>
    </row>
    <row r="2" spans="1:11" ht="14.25" customHeight="1">
      <c r="A2" s="41" t="s">
        <v>812</v>
      </c>
      <c r="C2" s="7"/>
      <c r="D2" s="7"/>
    </row>
    <row r="3" spans="1:11" ht="14.25" customHeight="1">
      <c r="A3" s="60" t="s">
        <v>26</v>
      </c>
      <c r="B3" s="53" t="s">
        <v>103</v>
      </c>
      <c r="C3" s="53"/>
      <c r="D3" s="53"/>
      <c r="E3" s="2"/>
    </row>
    <row r="4" spans="1:11">
      <c r="A4" s="60"/>
      <c r="B4" s="8" t="s">
        <v>142</v>
      </c>
      <c r="C4" s="8" t="s">
        <v>150</v>
      </c>
      <c r="D4" s="8" t="s">
        <v>29</v>
      </c>
    </row>
    <row r="5" spans="1:11">
      <c r="A5" s="56" t="s">
        <v>30</v>
      </c>
      <c r="B5" s="4">
        <v>311</v>
      </c>
      <c r="C5" s="4">
        <v>28</v>
      </c>
      <c r="D5" s="4">
        <v>339</v>
      </c>
    </row>
    <row r="6" spans="1:11">
      <c r="A6" s="61"/>
      <c r="B6" s="5">
        <v>0.91700000000000004</v>
      </c>
      <c r="C6" s="5">
        <v>8.3000000000000004E-2</v>
      </c>
      <c r="D6" s="5">
        <v>1</v>
      </c>
    </row>
    <row r="7" spans="1:11">
      <c r="A7" s="56" t="s">
        <v>31</v>
      </c>
      <c r="B7" s="6">
        <v>153</v>
      </c>
      <c r="C7" s="6">
        <v>26</v>
      </c>
      <c r="D7" s="4">
        <v>179</v>
      </c>
      <c r="I7" s="9"/>
      <c r="J7" s="9"/>
      <c r="K7" s="9"/>
    </row>
    <row r="8" spans="1:11">
      <c r="A8" s="57"/>
      <c r="B8" s="5">
        <v>0.85499999999999998</v>
      </c>
      <c r="C8" s="5">
        <v>0.14499999999999999</v>
      </c>
      <c r="D8" s="5">
        <v>1</v>
      </c>
    </row>
    <row r="9" spans="1:11">
      <c r="A9" s="56" t="s">
        <v>32</v>
      </c>
      <c r="B9" s="6">
        <v>55</v>
      </c>
      <c r="C9" s="6">
        <v>10</v>
      </c>
      <c r="D9" s="6">
        <v>65</v>
      </c>
      <c r="I9" s="9"/>
      <c r="J9" s="9"/>
      <c r="K9" s="9"/>
    </row>
    <row r="10" spans="1:11">
      <c r="A10" s="57"/>
      <c r="B10" s="5">
        <v>0.84599999999999997</v>
      </c>
      <c r="C10" s="5">
        <v>0.154</v>
      </c>
      <c r="D10" s="5">
        <v>1</v>
      </c>
    </row>
    <row r="11" spans="1:11" ht="14.25" customHeight="1">
      <c r="A11" s="58" t="s">
        <v>38</v>
      </c>
      <c r="B11" s="6">
        <v>40</v>
      </c>
      <c r="C11" s="6">
        <v>5</v>
      </c>
      <c r="D11" s="6">
        <v>45</v>
      </c>
      <c r="I11" s="9"/>
      <c r="J11" s="9"/>
      <c r="K11" s="9"/>
    </row>
    <row r="12" spans="1:11">
      <c r="A12" s="59"/>
      <c r="B12" s="5">
        <v>0.88900000000000001</v>
      </c>
      <c r="C12" s="5">
        <v>0.111</v>
      </c>
      <c r="D12" s="5">
        <v>1</v>
      </c>
    </row>
    <row r="13" spans="1:11">
      <c r="A13" s="56" t="s">
        <v>33</v>
      </c>
      <c r="B13" s="6">
        <v>58</v>
      </c>
      <c r="C13" s="6">
        <v>5</v>
      </c>
      <c r="D13" s="6">
        <v>63</v>
      </c>
      <c r="I13" s="9"/>
      <c r="J13" s="9"/>
      <c r="K13" s="9"/>
    </row>
    <row r="14" spans="1:11">
      <c r="A14" s="57"/>
      <c r="B14" s="5">
        <v>0.92100000000000004</v>
      </c>
      <c r="C14" s="5">
        <v>7.9000000000000001E-2</v>
      </c>
      <c r="D14" s="5">
        <v>1</v>
      </c>
    </row>
    <row r="15" spans="1:11">
      <c r="A15" s="56" t="s">
        <v>34</v>
      </c>
      <c r="B15" s="6">
        <v>54</v>
      </c>
      <c r="C15" s="6">
        <v>14</v>
      </c>
      <c r="D15" s="6">
        <v>68</v>
      </c>
      <c r="I15" s="9"/>
      <c r="J15" s="9"/>
      <c r="K15" s="9"/>
    </row>
    <row r="16" spans="1:11">
      <c r="A16" s="57"/>
      <c r="B16" s="5">
        <v>0.79400000000000004</v>
      </c>
      <c r="C16" s="5">
        <v>0.20599999999999999</v>
      </c>
      <c r="D16" s="5">
        <v>1</v>
      </c>
    </row>
    <row r="17" spans="1:11">
      <c r="A17" s="56" t="s">
        <v>35</v>
      </c>
      <c r="B17" s="6">
        <v>82</v>
      </c>
      <c r="C17" s="6">
        <v>13</v>
      </c>
      <c r="D17" s="6">
        <v>95</v>
      </c>
      <c r="I17" s="9"/>
      <c r="J17" s="9"/>
      <c r="K17" s="9"/>
    </row>
    <row r="18" spans="1:11">
      <c r="A18" s="57"/>
      <c r="B18" s="5">
        <v>0.86299999999999999</v>
      </c>
      <c r="C18" s="5">
        <v>0.13700000000000001</v>
      </c>
      <c r="D18" s="5">
        <v>1</v>
      </c>
    </row>
    <row r="19" spans="1:11">
      <c r="A19" s="56" t="s">
        <v>36</v>
      </c>
      <c r="B19" s="6">
        <v>20</v>
      </c>
      <c r="C19" s="6">
        <v>4</v>
      </c>
      <c r="D19" s="6">
        <v>24</v>
      </c>
      <c r="I19" s="9"/>
      <c r="J19" s="9"/>
      <c r="K19" s="9"/>
    </row>
    <row r="20" spans="1:11">
      <c r="A20" s="57"/>
      <c r="B20" s="5">
        <v>0.83299999999999996</v>
      </c>
      <c r="C20" s="5">
        <v>0.16700000000000001</v>
      </c>
      <c r="D20" s="5">
        <v>1</v>
      </c>
    </row>
    <row r="21" spans="1:11">
      <c r="A21" s="56" t="s">
        <v>29</v>
      </c>
      <c r="B21" s="4">
        <v>773</v>
      </c>
      <c r="C21" s="4">
        <v>105</v>
      </c>
      <c r="D21" s="4">
        <v>878</v>
      </c>
      <c r="I21" s="9"/>
      <c r="J21" s="9"/>
      <c r="K21" s="9"/>
    </row>
    <row r="22" spans="1:11">
      <c r="A22" s="57"/>
      <c r="B22" s="5">
        <v>0.88</v>
      </c>
      <c r="C22" s="5">
        <v>0.12</v>
      </c>
      <c r="D22" s="5">
        <v>1</v>
      </c>
    </row>
    <row r="23" spans="1:11">
      <c r="A23" s="54" t="s">
        <v>521</v>
      </c>
      <c r="B23" s="54"/>
      <c r="C23" s="54"/>
      <c r="D23" s="54"/>
      <c r="I23" s="9"/>
      <c r="J23" s="9"/>
      <c r="K23" s="9"/>
    </row>
    <row r="24" spans="1:11">
      <c r="A24" s="55"/>
      <c r="B24" s="55"/>
      <c r="C24" s="55"/>
      <c r="D24" s="55"/>
    </row>
  </sheetData>
  <mergeCells count="12">
    <mergeCell ref="A23:D24"/>
    <mergeCell ref="A3:A4"/>
    <mergeCell ref="B3:D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7"/>
  <dimension ref="A1:S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2" width="9" style="1"/>
    <col min="3" max="5" width="9.5" style="1" bestFit="1" customWidth="1"/>
    <col min="6" max="16384" width="9" style="1"/>
  </cols>
  <sheetData>
    <row r="1" spans="1:19">
      <c r="A1" s="1" t="s">
        <v>592</v>
      </c>
    </row>
    <row r="2" spans="1:19" ht="14.25" customHeight="1">
      <c r="A2" s="41" t="s">
        <v>812</v>
      </c>
      <c r="C2" s="7"/>
      <c r="D2" s="7"/>
      <c r="E2" s="7"/>
      <c r="F2" s="7"/>
      <c r="G2" s="7"/>
      <c r="H2" s="7"/>
    </row>
    <row r="3" spans="1:19" ht="14.25" customHeight="1">
      <c r="A3" s="60" t="s">
        <v>183</v>
      </c>
      <c r="B3" s="53" t="s">
        <v>45</v>
      </c>
      <c r="C3" s="53"/>
      <c r="D3" s="53"/>
      <c r="E3" s="53"/>
      <c r="F3" s="53"/>
      <c r="G3" s="53"/>
      <c r="H3" s="53"/>
      <c r="I3" s="2"/>
    </row>
    <row r="4" spans="1:19" ht="42.75">
      <c r="A4" s="60"/>
      <c r="B4" s="8" t="s">
        <v>593</v>
      </c>
      <c r="C4" s="8" t="s">
        <v>594</v>
      </c>
      <c r="D4" s="8" t="s">
        <v>595</v>
      </c>
      <c r="E4" s="8" t="s">
        <v>596</v>
      </c>
      <c r="F4" s="8" t="s">
        <v>559</v>
      </c>
      <c r="G4" s="8" t="s">
        <v>42</v>
      </c>
      <c r="H4" s="8" t="s">
        <v>29</v>
      </c>
    </row>
    <row r="5" spans="1:19">
      <c r="A5" s="56" t="s">
        <v>184</v>
      </c>
      <c r="B5" s="4">
        <v>31</v>
      </c>
      <c r="C5" s="4">
        <v>141</v>
      </c>
      <c r="D5" s="4">
        <v>25</v>
      </c>
      <c r="E5" s="4">
        <v>3</v>
      </c>
      <c r="F5" s="4">
        <v>3</v>
      </c>
      <c r="G5" s="4">
        <v>1</v>
      </c>
      <c r="H5" s="4">
        <v>204</v>
      </c>
    </row>
    <row r="6" spans="1:19">
      <c r="A6" s="61"/>
      <c r="B6" s="5">
        <v>0.152</v>
      </c>
      <c r="C6" s="5">
        <v>0.69099999999999995</v>
      </c>
      <c r="D6" s="5">
        <v>0.123</v>
      </c>
      <c r="E6" s="5">
        <v>1.4999999999999999E-2</v>
      </c>
      <c r="F6" s="5">
        <v>1.4999999999999999E-2</v>
      </c>
      <c r="G6" s="5">
        <v>5.0000000000000001E-3</v>
      </c>
      <c r="H6" s="5">
        <v>1</v>
      </c>
      <c r="K6" s="9"/>
      <c r="L6" s="9"/>
      <c r="M6" s="9"/>
      <c r="N6" s="9"/>
      <c r="O6" s="9"/>
      <c r="P6" s="9"/>
      <c r="Q6" s="9"/>
    </row>
    <row r="7" spans="1:19">
      <c r="A7" s="56" t="s">
        <v>185</v>
      </c>
      <c r="B7" s="4">
        <v>494</v>
      </c>
      <c r="C7" s="4">
        <v>2449</v>
      </c>
      <c r="D7" s="4">
        <v>480</v>
      </c>
      <c r="E7" s="4">
        <v>8</v>
      </c>
      <c r="F7" s="4">
        <v>23</v>
      </c>
      <c r="G7" s="4">
        <v>11</v>
      </c>
      <c r="H7" s="4">
        <v>3465</v>
      </c>
    </row>
    <row r="8" spans="1:19">
      <c r="A8" s="57"/>
      <c r="B8" s="5">
        <v>0.14299999999999999</v>
      </c>
      <c r="C8" s="5">
        <v>0.70699999999999996</v>
      </c>
      <c r="D8" s="5">
        <v>0.13900000000000001</v>
      </c>
      <c r="E8" s="5">
        <v>2E-3</v>
      </c>
      <c r="F8" s="5">
        <v>7.0000000000000001E-3</v>
      </c>
      <c r="G8" s="5">
        <v>3.0000000000000001E-3</v>
      </c>
      <c r="H8" s="5">
        <v>1</v>
      </c>
      <c r="K8" s="9"/>
      <c r="L8" s="9"/>
      <c r="M8" s="9"/>
      <c r="N8" s="9"/>
      <c r="O8" s="9"/>
      <c r="P8" s="9"/>
      <c r="Q8" s="9"/>
      <c r="R8" s="9"/>
      <c r="S8" s="9"/>
    </row>
    <row r="9" spans="1:19">
      <c r="A9" s="56" t="s">
        <v>186</v>
      </c>
      <c r="B9" s="6">
        <v>0</v>
      </c>
      <c r="C9" s="6">
        <v>1</v>
      </c>
      <c r="D9" s="6">
        <v>0</v>
      </c>
      <c r="E9" s="6">
        <v>0</v>
      </c>
      <c r="F9" s="6">
        <v>0</v>
      </c>
      <c r="G9" s="6">
        <v>0</v>
      </c>
      <c r="H9" s="6">
        <v>1</v>
      </c>
    </row>
    <row r="10" spans="1:19">
      <c r="A10" s="57"/>
      <c r="B10" s="5">
        <v>0</v>
      </c>
      <c r="C10" s="5">
        <v>1</v>
      </c>
      <c r="D10" s="5">
        <v>0</v>
      </c>
      <c r="E10" s="5">
        <v>0</v>
      </c>
      <c r="F10" s="5">
        <v>0</v>
      </c>
      <c r="G10" s="5">
        <v>0</v>
      </c>
      <c r="H10" s="5">
        <v>1</v>
      </c>
      <c r="K10" s="9"/>
      <c r="L10" s="9"/>
      <c r="M10" s="9"/>
      <c r="N10" s="9"/>
      <c r="O10" s="9"/>
      <c r="P10" s="9"/>
      <c r="Q10" s="9"/>
      <c r="R10" s="9"/>
      <c r="S10" s="9"/>
    </row>
    <row r="11" spans="1:19" ht="14.25" customHeight="1">
      <c r="A11" s="73" t="s">
        <v>187</v>
      </c>
      <c r="B11" s="6">
        <v>1</v>
      </c>
      <c r="C11" s="6">
        <v>3</v>
      </c>
      <c r="D11" s="6">
        <v>0</v>
      </c>
      <c r="E11" s="6">
        <v>0</v>
      </c>
      <c r="F11" s="6">
        <v>0</v>
      </c>
      <c r="G11" s="6">
        <v>0</v>
      </c>
      <c r="H11" s="6">
        <v>4</v>
      </c>
    </row>
    <row r="12" spans="1:19">
      <c r="A12" s="74"/>
      <c r="B12" s="5">
        <v>0.25</v>
      </c>
      <c r="C12" s="5">
        <v>0.75</v>
      </c>
      <c r="D12" s="5">
        <v>0</v>
      </c>
      <c r="E12" s="5">
        <v>0</v>
      </c>
      <c r="F12" s="5">
        <v>0</v>
      </c>
      <c r="G12" s="5">
        <v>0</v>
      </c>
      <c r="H12" s="5">
        <v>1</v>
      </c>
      <c r="K12" s="9"/>
      <c r="L12" s="9"/>
      <c r="M12" s="9"/>
      <c r="N12" s="9"/>
      <c r="O12" s="9"/>
      <c r="P12" s="9"/>
      <c r="Q12" s="9"/>
      <c r="R12" s="9"/>
      <c r="S12" s="9"/>
    </row>
    <row r="13" spans="1:19">
      <c r="A13" s="56" t="s">
        <v>188</v>
      </c>
      <c r="B13" s="6">
        <v>1</v>
      </c>
      <c r="C13" s="6">
        <v>3</v>
      </c>
      <c r="D13" s="6">
        <v>1</v>
      </c>
      <c r="E13" s="6">
        <v>0</v>
      </c>
      <c r="F13" s="6">
        <v>0</v>
      </c>
      <c r="G13" s="6">
        <v>0</v>
      </c>
      <c r="H13" s="6">
        <v>5</v>
      </c>
    </row>
    <row r="14" spans="1:19">
      <c r="A14" s="57"/>
      <c r="B14" s="5">
        <v>0.2</v>
      </c>
      <c r="C14" s="5">
        <v>0.6</v>
      </c>
      <c r="D14" s="5">
        <v>0.2</v>
      </c>
      <c r="E14" s="5">
        <v>0</v>
      </c>
      <c r="F14" s="5">
        <v>0</v>
      </c>
      <c r="G14" s="5">
        <v>0</v>
      </c>
      <c r="H14" s="5">
        <v>1</v>
      </c>
      <c r="K14" s="9"/>
      <c r="L14" s="9"/>
      <c r="M14" s="9"/>
      <c r="N14" s="9"/>
      <c r="O14" s="9"/>
      <c r="P14" s="9"/>
      <c r="Q14" s="9"/>
      <c r="R14" s="9"/>
      <c r="S14" s="9"/>
    </row>
    <row r="15" spans="1:19">
      <c r="A15" s="56" t="s">
        <v>171</v>
      </c>
      <c r="B15" s="6">
        <v>1</v>
      </c>
      <c r="C15" s="6">
        <v>5</v>
      </c>
      <c r="D15" s="6">
        <v>0</v>
      </c>
      <c r="E15" s="6">
        <v>0</v>
      </c>
      <c r="F15" s="6">
        <v>0</v>
      </c>
      <c r="G15" s="6">
        <v>0</v>
      </c>
      <c r="H15" s="6">
        <v>6</v>
      </c>
    </row>
    <row r="16" spans="1:19">
      <c r="A16" s="57"/>
      <c r="B16" s="5">
        <v>0.16700000000000001</v>
      </c>
      <c r="C16" s="5">
        <v>0.83299999999999996</v>
      </c>
      <c r="D16" s="5">
        <v>0</v>
      </c>
      <c r="E16" s="5">
        <v>0</v>
      </c>
      <c r="F16" s="5">
        <v>0</v>
      </c>
      <c r="G16" s="5">
        <v>0</v>
      </c>
      <c r="H16" s="5">
        <v>1</v>
      </c>
      <c r="K16" s="9"/>
      <c r="L16" s="9"/>
      <c r="M16" s="9"/>
      <c r="N16" s="9"/>
      <c r="O16" s="9"/>
      <c r="P16" s="9"/>
      <c r="Q16" s="9"/>
      <c r="R16" s="9"/>
      <c r="S16" s="9"/>
    </row>
    <row r="17" spans="1:19">
      <c r="A17" s="56" t="s">
        <v>29</v>
      </c>
      <c r="B17" s="4">
        <v>528</v>
      </c>
      <c r="C17" s="4">
        <v>2602</v>
      </c>
      <c r="D17" s="4">
        <v>506</v>
      </c>
      <c r="E17" s="4">
        <v>11</v>
      </c>
      <c r="F17" s="4">
        <v>26</v>
      </c>
      <c r="G17" s="4">
        <v>12</v>
      </c>
      <c r="H17" s="4">
        <v>3685</v>
      </c>
    </row>
    <row r="18" spans="1:19">
      <c r="A18" s="57"/>
      <c r="B18" s="5">
        <v>0.14299999999999999</v>
      </c>
      <c r="C18" s="5">
        <v>0.70599999999999996</v>
      </c>
      <c r="D18" s="5">
        <v>0.13700000000000001</v>
      </c>
      <c r="E18" s="5">
        <v>3.0000000000000001E-3</v>
      </c>
      <c r="F18" s="5">
        <v>7.0000000000000001E-3</v>
      </c>
      <c r="G18" s="5">
        <v>3.0000000000000001E-3</v>
      </c>
      <c r="H18" s="5">
        <v>1</v>
      </c>
      <c r="K18" s="9"/>
      <c r="L18" s="9"/>
      <c r="M18" s="9"/>
      <c r="N18" s="9"/>
      <c r="O18" s="9"/>
      <c r="P18" s="9"/>
      <c r="Q18" s="9"/>
      <c r="R18" s="9"/>
      <c r="S18" s="9"/>
    </row>
    <row r="19" spans="1:19">
      <c r="A19" s="54" t="s">
        <v>44</v>
      </c>
      <c r="B19" s="54"/>
      <c r="C19" s="54"/>
      <c r="D19" s="54"/>
      <c r="E19" s="54"/>
      <c r="F19" s="54"/>
      <c r="G19" s="54"/>
      <c r="H19" s="54"/>
    </row>
    <row r="20" spans="1:19">
      <c r="A20" s="55"/>
      <c r="B20" s="55"/>
      <c r="C20" s="55"/>
      <c r="D20" s="55"/>
      <c r="E20" s="55"/>
      <c r="F20" s="55"/>
      <c r="G20" s="55"/>
      <c r="H20" s="55"/>
      <c r="M20" s="9"/>
      <c r="N20" s="9"/>
      <c r="O20" s="9"/>
      <c r="P20" s="9"/>
      <c r="Q20" s="9"/>
      <c r="R20" s="9"/>
      <c r="S20" s="9"/>
    </row>
  </sheetData>
  <mergeCells count="10">
    <mergeCell ref="A13:A14"/>
    <mergeCell ref="A15:A16"/>
    <mergeCell ref="A17:A18"/>
    <mergeCell ref="A19:H20"/>
    <mergeCell ref="A3:A4"/>
    <mergeCell ref="B3:H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8"/>
  <dimension ref="A1:O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5">
      <c r="A1" s="1" t="s">
        <v>597</v>
      </c>
    </row>
    <row r="2" spans="1:15" ht="14.25" customHeight="1">
      <c r="A2" s="41" t="s">
        <v>812</v>
      </c>
      <c r="C2" s="7"/>
      <c r="D2" s="7"/>
      <c r="E2" s="7"/>
      <c r="F2" s="7"/>
      <c r="G2" s="7"/>
    </row>
    <row r="3" spans="1:15" ht="14.25" customHeight="1">
      <c r="A3" s="56" t="s">
        <v>183</v>
      </c>
      <c r="B3" s="53" t="s">
        <v>107</v>
      </c>
      <c r="C3" s="53"/>
      <c r="D3" s="53"/>
      <c r="E3" s="53"/>
      <c r="F3" s="53"/>
      <c r="G3" s="53"/>
      <c r="H3" s="2"/>
    </row>
    <row r="4" spans="1:15" ht="28.5">
      <c r="A4" s="61"/>
      <c r="B4" s="8" t="s">
        <v>135</v>
      </c>
      <c r="C4" s="8" t="s">
        <v>136</v>
      </c>
      <c r="D4" s="8" t="s">
        <v>137</v>
      </c>
      <c r="E4" s="8" t="s">
        <v>138</v>
      </c>
      <c r="F4" s="8" t="s">
        <v>42</v>
      </c>
      <c r="G4" s="8" t="s">
        <v>29</v>
      </c>
    </row>
    <row r="5" spans="1:15">
      <c r="A5" s="56" t="s">
        <v>184</v>
      </c>
      <c r="B5" s="4">
        <v>75</v>
      </c>
      <c r="C5" s="4">
        <v>66</v>
      </c>
      <c r="D5" s="4">
        <v>15</v>
      </c>
      <c r="E5" s="4">
        <v>48</v>
      </c>
      <c r="F5" s="4">
        <v>0</v>
      </c>
      <c r="G5" s="4">
        <v>204</v>
      </c>
    </row>
    <row r="6" spans="1:15">
      <c r="A6" s="61"/>
      <c r="B6" s="5">
        <v>0.36799999999999999</v>
      </c>
      <c r="C6" s="5">
        <v>0.32400000000000001</v>
      </c>
      <c r="D6" s="5">
        <v>7.3999999999999996E-2</v>
      </c>
      <c r="E6" s="5">
        <v>0.23499999999999999</v>
      </c>
      <c r="F6" s="5">
        <v>0</v>
      </c>
      <c r="G6" s="5">
        <v>1</v>
      </c>
      <c r="J6" s="9"/>
      <c r="K6" s="9"/>
      <c r="L6" s="9"/>
      <c r="M6" s="9"/>
      <c r="N6" s="9"/>
      <c r="O6" s="9"/>
    </row>
    <row r="7" spans="1:15">
      <c r="A7" s="56" t="s">
        <v>185</v>
      </c>
      <c r="B7" s="4">
        <v>1131</v>
      </c>
      <c r="C7" s="4">
        <v>1089</v>
      </c>
      <c r="D7" s="4">
        <v>416</v>
      </c>
      <c r="E7" s="4">
        <v>822</v>
      </c>
      <c r="F7" s="4">
        <v>7</v>
      </c>
      <c r="G7" s="4">
        <v>3465</v>
      </c>
    </row>
    <row r="8" spans="1:15">
      <c r="A8" s="61"/>
      <c r="B8" s="5">
        <v>0.32600000000000001</v>
      </c>
      <c r="C8" s="5">
        <v>0.314</v>
      </c>
      <c r="D8" s="5">
        <v>0.12</v>
      </c>
      <c r="E8" s="5">
        <v>0.23699999999999999</v>
      </c>
      <c r="F8" s="5">
        <v>2E-3</v>
      </c>
      <c r="G8" s="5">
        <v>1</v>
      </c>
      <c r="J8" s="9"/>
      <c r="K8" s="9"/>
      <c r="L8" s="9"/>
      <c r="M8" s="9"/>
      <c r="N8" s="9"/>
      <c r="O8" s="9"/>
    </row>
    <row r="9" spans="1:15">
      <c r="A9" s="56" t="s">
        <v>186</v>
      </c>
      <c r="B9" s="6">
        <v>0</v>
      </c>
      <c r="C9" s="6">
        <v>0</v>
      </c>
      <c r="D9" s="6">
        <v>1</v>
      </c>
      <c r="E9" s="6">
        <v>0</v>
      </c>
      <c r="F9" s="6">
        <v>0</v>
      </c>
      <c r="G9" s="6">
        <v>1</v>
      </c>
    </row>
    <row r="10" spans="1:15">
      <c r="A10" s="61"/>
      <c r="B10" s="5">
        <v>0</v>
      </c>
      <c r="C10" s="5">
        <v>0</v>
      </c>
      <c r="D10" s="5">
        <v>1</v>
      </c>
      <c r="E10" s="5">
        <v>0</v>
      </c>
      <c r="F10" s="5">
        <v>0</v>
      </c>
      <c r="G10" s="5">
        <v>1</v>
      </c>
      <c r="J10" s="9"/>
      <c r="K10" s="9"/>
      <c r="L10" s="9"/>
      <c r="M10" s="9"/>
      <c r="N10" s="9"/>
      <c r="O10" s="9"/>
    </row>
    <row r="11" spans="1:15" ht="14.25" customHeight="1">
      <c r="A11" s="73" t="s">
        <v>187</v>
      </c>
      <c r="B11" s="6">
        <v>3</v>
      </c>
      <c r="C11" s="6">
        <v>0</v>
      </c>
      <c r="D11" s="6">
        <v>1</v>
      </c>
      <c r="E11" s="6">
        <v>0</v>
      </c>
      <c r="F11" s="6">
        <v>0</v>
      </c>
      <c r="G11" s="6">
        <v>4</v>
      </c>
    </row>
    <row r="12" spans="1:15">
      <c r="A12" s="77"/>
      <c r="B12" s="5">
        <v>0.75</v>
      </c>
      <c r="C12" s="5">
        <v>0</v>
      </c>
      <c r="D12" s="5">
        <v>0.25</v>
      </c>
      <c r="E12" s="5">
        <v>0</v>
      </c>
      <c r="F12" s="5">
        <v>0</v>
      </c>
      <c r="G12" s="5">
        <v>1</v>
      </c>
      <c r="J12" s="9"/>
      <c r="K12" s="9"/>
      <c r="L12" s="9"/>
      <c r="M12" s="9"/>
      <c r="N12" s="9"/>
      <c r="O12" s="9"/>
    </row>
    <row r="13" spans="1:15">
      <c r="A13" s="56" t="s">
        <v>188</v>
      </c>
      <c r="B13" s="6">
        <v>0</v>
      </c>
      <c r="C13" s="6">
        <v>1</v>
      </c>
      <c r="D13" s="6">
        <v>0</v>
      </c>
      <c r="E13" s="6">
        <v>4</v>
      </c>
      <c r="F13" s="6">
        <v>0</v>
      </c>
      <c r="G13" s="6">
        <v>5</v>
      </c>
    </row>
    <row r="14" spans="1:15">
      <c r="A14" s="57"/>
      <c r="B14" s="5">
        <v>0</v>
      </c>
      <c r="C14" s="5">
        <v>0.2</v>
      </c>
      <c r="D14" s="5">
        <v>0</v>
      </c>
      <c r="E14" s="5">
        <v>0.8</v>
      </c>
      <c r="F14" s="5">
        <v>0</v>
      </c>
      <c r="G14" s="5">
        <v>1</v>
      </c>
      <c r="J14" s="9"/>
      <c r="K14" s="9"/>
      <c r="L14" s="9"/>
      <c r="M14" s="9"/>
      <c r="N14" s="9"/>
      <c r="O14" s="9"/>
    </row>
    <row r="15" spans="1:15">
      <c r="A15" s="56" t="s">
        <v>171</v>
      </c>
      <c r="B15" s="6">
        <v>1</v>
      </c>
      <c r="C15" s="6">
        <v>4</v>
      </c>
      <c r="D15" s="6">
        <v>0</v>
      </c>
      <c r="E15" s="6">
        <v>0</v>
      </c>
      <c r="F15" s="6">
        <v>1</v>
      </c>
      <c r="G15" s="6">
        <v>6</v>
      </c>
    </row>
    <row r="16" spans="1:15">
      <c r="A16" s="57"/>
      <c r="B16" s="5">
        <v>0.16700000000000001</v>
      </c>
      <c r="C16" s="5">
        <v>0.66700000000000004</v>
      </c>
      <c r="D16" s="5">
        <v>0</v>
      </c>
      <c r="E16" s="5">
        <v>0</v>
      </c>
      <c r="F16" s="5">
        <v>0.16700000000000001</v>
      </c>
      <c r="G16" s="5">
        <v>1</v>
      </c>
      <c r="J16" s="9"/>
      <c r="K16" s="9"/>
      <c r="L16" s="9"/>
      <c r="M16" s="9"/>
      <c r="N16" s="9"/>
      <c r="O16" s="9"/>
    </row>
    <row r="17" spans="1:15">
      <c r="A17" s="56" t="s">
        <v>29</v>
      </c>
      <c r="B17" s="4">
        <v>1210</v>
      </c>
      <c r="C17" s="4">
        <v>1160</v>
      </c>
      <c r="D17" s="4">
        <v>433</v>
      </c>
      <c r="E17" s="4">
        <v>874</v>
      </c>
      <c r="F17" s="4">
        <v>8</v>
      </c>
      <c r="G17" s="4">
        <v>3685</v>
      </c>
    </row>
    <row r="18" spans="1:15">
      <c r="A18" s="57"/>
      <c r="B18" s="5">
        <v>0.32800000000000001</v>
      </c>
      <c r="C18" s="5">
        <v>0.315</v>
      </c>
      <c r="D18" s="5">
        <v>0.11799999999999999</v>
      </c>
      <c r="E18" s="5">
        <v>0.23699999999999999</v>
      </c>
      <c r="F18" s="5">
        <v>2E-3</v>
      </c>
      <c r="G18" s="5">
        <v>1</v>
      </c>
      <c r="J18" s="9"/>
      <c r="K18" s="9"/>
      <c r="L18" s="9"/>
      <c r="M18" s="9"/>
      <c r="N18" s="9"/>
      <c r="O18" s="9"/>
    </row>
    <row r="19" spans="1:15">
      <c r="A19" s="54" t="s">
        <v>95</v>
      </c>
      <c r="B19" s="54"/>
      <c r="C19" s="54"/>
      <c r="D19" s="54"/>
      <c r="E19" s="54"/>
      <c r="F19" s="54"/>
      <c r="G19" s="54"/>
    </row>
    <row r="20" spans="1:15">
      <c r="A20" s="55"/>
      <c r="B20" s="55"/>
      <c r="C20" s="55"/>
      <c r="D20" s="55"/>
      <c r="E20" s="55"/>
      <c r="F20" s="55"/>
      <c r="G20" s="55"/>
    </row>
  </sheetData>
  <mergeCells count="10">
    <mergeCell ref="A13:A14"/>
    <mergeCell ref="A15:A16"/>
    <mergeCell ref="A17:A18"/>
    <mergeCell ref="A19:G20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9"/>
  <dimension ref="A1:O2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2" width="9" style="1"/>
    <col min="3" max="4" width="9.5" style="1" bestFit="1" customWidth="1"/>
    <col min="5" max="16384" width="9" style="1"/>
  </cols>
  <sheetData>
    <row r="1" spans="1:15">
      <c r="A1" s="1" t="s">
        <v>598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83</v>
      </c>
      <c r="B3" s="53" t="s">
        <v>97</v>
      </c>
      <c r="C3" s="53"/>
      <c r="D3" s="53"/>
      <c r="E3" s="53"/>
      <c r="F3" s="53"/>
      <c r="G3" s="2"/>
    </row>
    <row r="4" spans="1:15" ht="28.5">
      <c r="A4" s="60"/>
      <c r="B4" s="8" t="s">
        <v>567</v>
      </c>
      <c r="C4" s="8" t="s">
        <v>599</v>
      </c>
      <c r="D4" s="8" t="s">
        <v>600</v>
      </c>
      <c r="E4" s="8" t="s">
        <v>42</v>
      </c>
      <c r="F4" s="8" t="s">
        <v>29</v>
      </c>
    </row>
    <row r="5" spans="1:15">
      <c r="A5" s="56" t="s">
        <v>184</v>
      </c>
      <c r="B5" s="4">
        <v>86</v>
      </c>
      <c r="C5" s="4">
        <v>94</v>
      </c>
      <c r="D5" s="4">
        <v>23</v>
      </c>
      <c r="E5" s="4">
        <v>1</v>
      </c>
      <c r="F5" s="4">
        <v>204</v>
      </c>
    </row>
    <row r="6" spans="1:15">
      <c r="A6" s="61"/>
      <c r="B6" s="5">
        <v>0.42199999999999999</v>
      </c>
      <c r="C6" s="5">
        <v>0.46100000000000002</v>
      </c>
      <c r="D6" s="5">
        <v>0.113</v>
      </c>
      <c r="E6" s="5">
        <v>5.0000000000000001E-3</v>
      </c>
      <c r="F6" s="5">
        <v>1</v>
      </c>
      <c r="H6" s="9"/>
      <c r="I6" s="9"/>
      <c r="J6" s="9"/>
      <c r="K6" s="9"/>
      <c r="L6" s="9"/>
    </row>
    <row r="7" spans="1:15">
      <c r="A7" s="56" t="s">
        <v>185</v>
      </c>
      <c r="B7" s="4">
        <v>1580</v>
      </c>
      <c r="C7" s="4">
        <v>1666</v>
      </c>
      <c r="D7" s="4">
        <v>216</v>
      </c>
      <c r="E7" s="4">
        <v>3</v>
      </c>
      <c r="F7" s="4">
        <v>3465</v>
      </c>
    </row>
    <row r="8" spans="1:15">
      <c r="A8" s="57"/>
      <c r="B8" s="5">
        <v>0.45600000000000002</v>
      </c>
      <c r="C8" s="5">
        <v>0.48099999999999998</v>
      </c>
      <c r="D8" s="5">
        <v>6.2E-2</v>
      </c>
      <c r="E8" s="5">
        <v>1E-3</v>
      </c>
      <c r="F8" s="5">
        <v>1</v>
      </c>
      <c r="H8" s="9"/>
      <c r="I8" s="9"/>
      <c r="J8" s="9"/>
      <c r="K8" s="9"/>
      <c r="L8" s="9"/>
      <c r="M8" s="9"/>
      <c r="N8" s="9"/>
      <c r="O8" s="9"/>
    </row>
    <row r="9" spans="1:15">
      <c r="A9" s="56" t="s">
        <v>186</v>
      </c>
      <c r="B9" s="6">
        <v>0</v>
      </c>
      <c r="C9" s="6">
        <v>1</v>
      </c>
      <c r="D9" s="6">
        <v>0</v>
      </c>
      <c r="E9" s="6">
        <v>0</v>
      </c>
      <c r="F9" s="6">
        <v>1</v>
      </c>
    </row>
    <row r="10" spans="1:15">
      <c r="A10" s="57"/>
      <c r="B10" s="5">
        <v>0</v>
      </c>
      <c r="C10" s="5">
        <v>1</v>
      </c>
      <c r="D10" s="5">
        <v>0</v>
      </c>
      <c r="E10" s="5">
        <v>0</v>
      </c>
      <c r="F10" s="5">
        <v>1</v>
      </c>
      <c r="H10" s="9"/>
      <c r="I10" s="9"/>
      <c r="J10" s="9"/>
      <c r="K10" s="9"/>
      <c r="L10" s="9"/>
      <c r="M10" s="9"/>
      <c r="N10" s="9"/>
      <c r="O10" s="9"/>
    </row>
    <row r="11" spans="1:15" ht="14.25" customHeight="1">
      <c r="A11" s="73" t="s">
        <v>187</v>
      </c>
      <c r="B11" s="6">
        <v>3</v>
      </c>
      <c r="C11" s="6">
        <v>1</v>
      </c>
      <c r="D11" s="6">
        <v>0</v>
      </c>
      <c r="E11" s="6">
        <v>0</v>
      </c>
      <c r="F11" s="6">
        <v>4</v>
      </c>
    </row>
    <row r="12" spans="1:15">
      <c r="A12" s="74"/>
      <c r="B12" s="5">
        <v>0.75</v>
      </c>
      <c r="C12" s="5">
        <v>0.25</v>
      </c>
      <c r="D12" s="5">
        <v>0</v>
      </c>
      <c r="E12" s="5">
        <v>0</v>
      </c>
      <c r="F12" s="5">
        <v>1</v>
      </c>
      <c r="H12" s="9"/>
      <c r="I12" s="9"/>
      <c r="J12" s="9"/>
      <c r="K12" s="9"/>
      <c r="L12" s="9"/>
      <c r="M12" s="9"/>
      <c r="N12" s="9"/>
      <c r="O12" s="9"/>
    </row>
    <row r="13" spans="1:15">
      <c r="A13" s="56" t="s">
        <v>188</v>
      </c>
      <c r="B13" s="6">
        <v>2</v>
      </c>
      <c r="C13" s="6">
        <v>3</v>
      </c>
      <c r="D13" s="6">
        <v>0</v>
      </c>
      <c r="E13" s="6">
        <v>0</v>
      </c>
      <c r="F13" s="6">
        <v>5</v>
      </c>
    </row>
    <row r="14" spans="1:15">
      <c r="A14" s="57"/>
      <c r="B14" s="5">
        <v>0.4</v>
      </c>
      <c r="C14" s="5">
        <v>0.6</v>
      </c>
      <c r="D14" s="5">
        <v>0</v>
      </c>
      <c r="E14" s="5">
        <v>0</v>
      </c>
      <c r="F14" s="5">
        <v>1</v>
      </c>
      <c r="H14" s="9"/>
      <c r="I14" s="9"/>
      <c r="J14" s="9"/>
      <c r="K14" s="9"/>
      <c r="L14" s="9"/>
      <c r="M14" s="9"/>
      <c r="N14" s="9"/>
      <c r="O14" s="9"/>
    </row>
    <row r="15" spans="1:15">
      <c r="A15" s="56" t="s">
        <v>171</v>
      </c>
      <c r="B15" s="6">
        <v>2</v>
      </c>
      <c r="C15" s="6">
        <v>3</v>
      </c>
      <c r="D15" s="6">
        <v>0</v>
      </c>
      <c r="E15" s="6">
        <v>1</v>
      </c>
      <c r="F15" s="6">
        <v>6</v>
      </c>
    </row>
    <row r="16" spans="1:15">
      <c r="A16" s="57"/>
      <c r="B16" s="5">
        <v>0.33300000000000002</v>
      </c>
      <c r="C16" s="5">
        <v>0.5</v>
      </c>
      <c r="D16" s="5">
        <v>0</v>
      </c>
      <c r="E16" s="5">
        <v>0.16700000000000001</v>
      </c>
      <c r="F16" s="5">
        <v>1</v>
      </c>
      <c r="H16" s="9"/>
      <c r="I16" s="9"/>
      <c r="J16" s="9"/>
      <c r="K16" s="9"/>
      <c r="L16" s="9"/>
      <c r="M16" s="9"/>
      <c r="N16" s="9"/>
      <c r="O16" s="9"/>
    </row>
    <row r="17" spans="1:15">
      <c r="A17" s="56" t="s">
        <v>29</v>
      </c>
      <c r="B17" s="4">
        <v>1673</v>
      </c>
      <c r="C17" s="4">
        <v>1768</v>
      </c>
      <c r="D17" s="4">
        <v>239</v>
      </c>
      <c r="E17" s="4">
        <v>5</v>
      </c>
      <c r="F17" s="4">
        <v>3685</v>
      </c>
    </row>
    <row r="18" spans="1:15">
      <c r="A18" s="57"/>
      <c r="B18" s="5">
        <v>0.45400000000000001</v>
      </c>
      <c r="C18" s="5">
        <v>0.48</v>
      </c>
      <c r="D18" s="5">
        <v>6.5000000000000002E-2</v>
      </c>
      <c r="E18" s="5">
        <v>1E-3</v>
      </c>
      <c r="F18" s="5">
        <v>1</v>
      </c>
      <c r="H18" s="9"/>
      <c r="I18" s="9"/>
      <c r="J18" s="9"/>
      <c r="K18" s="9"/>
      <c r="L18" s="9"/>
      <c r="M18" s="9"/>
      <c r="N18" s="9"/>
      <c r="O18" s="9"/>
    </row>
    <row r="19" spans="1:15">
      <c r="A19" s="54" t="s">
        <v>98</v>
      </c>
      <c r="B19" s="54"/>
      <c r="C19" s="54"/>
      <c r="D19" s="54"/>
      <c r="E19" s="54"/>
      <c r="F19" s="54"/>
    </row>
    <row r="20" spans="1:15">
      <c r="A20" s="55"/>
      <c r="B20" s="55"/>
      <c r="C20" s="55"/>
      <c r="D20" s="55"/>
      <c r="E20" s="55"/>
      <c r="F20" s="55"/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0"/>
  <dimension ref="A1:L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2">
      <c r="A1" s="1" t="s">
        <v>601</v>
      </c>
    </row>
    <row r="2" spans="1:12" ht="14.25" customHeight="1">
      <c r="A2" s="41" t="s">
        <v>812</v>
      </c>
      <c r="C2" s="7"/>
      <c r="D2" s="7"/>
      <c r="E2" s="7"/>
    </row>
    <row r="3" spans="1:12" ht="14.25" customHeight="1">
      <c r="A3" s="60" t="s">
        <v>183</v>
      </c>
      <c r="B3" s="53" t="s">
        <v>104</v>
      </c>
      <c r="C3" s="53"/>
      <c r="D3" s="53"/>
      <c r="E3" s="53"/>
      <c r="F3" s="2"/>
    </row>
    <row r="4" spans="1:12">
      <c r="A4" s="60"/>
      <c r="B4" s="8" t="s">
        <v>142</v>
      </c>
      <c r="C4" s="8" t="s">
        <v>150</v>
      </c>
      <c r="D4" s="8" t="s">
        <v>42</v>
      </c>
      <c r="E4" s="8" t="s">
        <v>29</v>
      </c>
    </row>
    <row r="5" spans="1:12">
      <c r="A5" s="56" t="s">
        <v>184</v>
      </c>
      <c r="B5" s="4">
        <v>77</v>
      </c>
      <c r="C5" s="4">
        <v>6</v>
      </c>
      <c r="D5" s="4">
        <v>3</v>
      </c>
      <c r="E5" s="4">
        <v>86</v>
      </c>
    </row>
    <row r="6" spans="1:12">
      <c r="A6" s="61"/>
      <c r="B6" s="5">
        <v>0.89500000000000002</v>
      </c>
      <c r="C6" s="5">
        <v>7.0000000000000007E-2</v>
      </c>
      <c r="D6" s="5">
        <v>3.5000000000000003E-2</v>
      </c>
      <c r="E6" s="5">
        <v>1</v>
      </c>
      <c r="I6" s="9"/>
      <c r="J6" s="9"/>
      <c r="K6" s="9"/>
      <c r="L6" s="9"/>
    </row>
    <row r="7" spans="1:12">
      <c r="A7" s="56" t="s">
        <v>185</v>
      </c>
      <c r="B7" s="4">
        <v>1431</v>
      </c>
      <c r="C7" s="4">
        <v>76</v>
      </c>
      <c r="D7" s="4">
        <v>73</v>
      </c>
      <c r="E7" s="4">
        <v>1580</v>
      </c>
    </row>
    <row r="8" spans="1:12">
      <c r="A8" s="57"/>
      <c r="B8" s="5">
        <v>0.90600000000000003</v>
      </c>
      <c r="C8" s="5">
        <v>4.8000000000000001E-2</v>
      </c>
      <c r="D8" s="5">
        <v>4.5999999999999999E-2</v>
      </c>
      <c r="E8" s="5">
        <v>1</v>
      </c>
      <c r="I8" s="9"/>
      <c r="J8" s="9"/>
      <c r="K8" s="9"/>
      <c r="L8" s="9"/>
    </row>
    <row r="9" spans="1:12">
      <c r="A9" s="56" t="s">
        <v>186</v>
      </c>
      <c r="B9" s="6">
        <v>0</v>
      </c>
      <c r="C9" s="6">
        <v>0</v>
      </c>
      <c r="D9" s="6">
        <v>0</v>
      </c>
      <c r="E9" s="6">
        <v>0</v>
      </c>
    </row>
    <row r="10" spans="1:12">
      <c r="A10" s="57"/>
      <c r="B10" s="5">
        <v>0</v>
      </c>
      <c r="C10" s="5">
        <v>0</v>
      </c>
      <c r="D10" s="5">
        <v>0</v>
      </c>
      <c r="E10" s="5">
        <v>0</v>
      </c>
      <c r="I10" s="9"/>
      <c r="J10" s="9"/>
      <c r="K10" s="9"/>
      <c r="L10" s="9"/>
    </row>
    <row r="11" spans="1:12" ht="14.25" customHeight="1">
      <c r="A11" s="73" t="s">
        <v>187</v>
      </c>
      <c r="B11" s="6">
        <v>3</v>
      </c>
      <c r="C11" s="6">
        <v>0</v>
      </c>
      <c r="D11" s="6">
        <v>0</v>
      </c>
      <c r="E11" s="6">
        <v>3</v>
      </c>
    </row>
    <row r="12" spans="1:12">
      <c r="A12" s="74"/>
      <c r="B12" s="5">
        <v>1</v>
      </c>
      <c r="C12" s="5">
        <v>0</v>
      </c>
      <c r="D12" s="5">
        <v>0</v>
      </c>
      <c r="E12" s="5">
        <v>1</v>
      </c>
      <c r="I12" s="9"/>
      <c r="J12" s="9"/>
      <c r="K12" s="9"/>
      <c r="L12" s="9"/>
    </row>
    <row r="13" spans="1:12">
      <c r="A13" s="56" t="s">
        <v>188</v>
      </c>
      <c r="B13" s="6">
        <v>2</v>
      </c>
      <c r="C13" s="6">
        <v>0</v>
      </c>
      <c r="D13" s="6">
        <v>0</v>
      </c>
      <c r="E13" s="6">
        <v>2</v>
      </c>
    </row>
    <row r="14" spans="1:12">
      <c r="A14" s="57"/>
      <c r="B14" s="5">
        <v>1</v>
      </c>
      <c r="C14" s="5">
        <v>0</v>
      </c>
      <c r="D14" s="5">
        <v>0</v>
      </c>
      <c r="E14" s="5">
        <v>1</v>
      </c>
      <c r="I14" s="9"/>
      <c r="J14" s="9"/>
      <c r="K14" s="9"/>
      <c r="L14" s="9"/>
    </row>
    <row r="15" spans="1:12">
      <c r="A15" s="56" t="s">
        <v>171</v>
      </c>
      <c r="B15" s="6">
        <v>1</v>
      </c>
      <c r="C15" s="6">
        <v>0</v>
      </c>
      <c r="D15" s="6">
        <v>1</v>
      </c>
      <c r="E15" s="6">
        <v>2</v>
      </c>
    </row>
    <row r="16" spans="1:12">
      <c r="A16" s="57"/>
      <c r="B16" s="5">
        <v>0.5</v>
      </c>
      <c r="C16" s="5">
        <v>0</v>
      </c>
      <c r="D16" s="5">
        <v>0.5</v>
      </c>
      <c r="E16" s="5">
        <v>1</v>
      </c>
      <c r="I16" s="9"/>
      <c r="J16" s="9"/>
      <c r="K16" s="9"/>
      <c r="L16" s="9"/>
    </row>
    <row r="17" spans="1:5">
      <c r="A17" s="56" t="s">
        <v>29</v>
      </c>
      <c r="B17" s="4">
        <v>1514</v>
      </c>
      <c r="C17" s="4">
        <v>82</v>
      </c>
      <c r="D17" s="4">
        <v>77</v>
      </c>
      <c r="E17" s="4">
        <v>1673</v>
      </c>
    </row>
    <row r="18" spans="1:5">
      <c r="A18" s="57"/>
      <c r="B18" s="5">
        <v>0.90500000000000003</v>
      </c>
      <c r="C18" s="5">
        <v>4.9000000000000002E-2</v>
      </c>
      <c r="D18" s="5">
        <v>4.5999999999999999E-2</v>
      </c>
      <c r="E18" s="5">
        <v>1</v>
      </c>
    </row>
    <row r="19" spans="1:5">
      <c r="A19" s="29" t="s">
        <v>518</v>
      </c>
      <c r="B19" s="29"/>
      <c r="C19" s="29"/>
      <c r="D19" s="29"/>
      <c r="E19" s="29"/>
    </row>
    <row r="20" spans="1:5">
      <c r="A20" s="30"/>
      <c r="B20" s="30"/>
      <c r="C20" s="30"/>
      <c r="D20" s="30"/>
      <c r="E20" s="30"/>
    </row>
  </sheetData>
  <mergeCells count="9">
    <mergeCell ref="A13:A14"/>
    <mergeCell ref="A15:A16"/>
    <mergeCell ref="A17:A18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1"/>
  <dimension ref="A1:O2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5">
      <c r="A1" s="1" t="s">
        <v>602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83</v>
      </c>
      <c r="B3" s="53" t="s">
        <v>100</v>
      </c>
      <c r="C3" s="53"/>
      <c r="D3" s="53"/>
      <c r="E3" s="53"/>
      <c r="F3" s="53"/>
      <c r="G3" s="2"/>
    </row>
    <row r="4" spans="1:15" ht="28.5">
      <c r="A4" s="60"/>
      <c r="B4" s="8" t="s">
        <v>143</v>
      </c>
      <c r="C4" s="8" t="s">
        <v>144</v>
      </c>
      <c r="D4" s="8" t="s">
        <v>145</v>
      </c>
      <c r="E4" s="8" t="s">
        <v>42</v>
      </c>
      <c r="F4" s="8" t="s">
        <v>29</v>
      </c>
    </row>
    <row r="5" spans="1:15">
      <c r="A5" s="56" t="s">
        <v>184</v>
      </c>
      <c r="B5" s="4">
        <v>69</v>
      </c>
      <c r="C5" s="4">
        <v>110</v>
      </c>
      <c r="D5" s="4">
        <v>25</v>
      </c>
      <c r="E5" s="4">
        <v>0</v>
      </c>
      <c r="F5" s="4">
        <v>204</v>
      </c>
    </row>
    <row r="6" spans="1:15">
      <c r="A6" s="61"/>
      <c r="B6" s="5">
        <v>0.33800000000000002</v>
      </c>
      <c r="C6" s="5">
        <v>0.53900000000000003</v>
      </c>
      <c r="D6" s="5">
        <v>0.123</v>
      </c>
      <c r="E6" s="5">
        <v>0</v>
      </c>
      <c r="F6" s="5">
        <v>1</v>
      </c>
      <c r="H6" s="9"/>
      <c r="I6" s="9"/>
      <c r="J6" s="9"/>
      <c r="K6" s="9"/>
      <c r="L6" s="9"/>
    </row>
    <row r="7" spans="1:15">
      <c r="A7" s="56" t="s">
        <v>185</v>
      </c>
      <c r="B7" s="4">
        <v>860</v>
      </c>
      <c r="C7" s="4">
        <v>1998</v>
      </c>
      <c r="D7" s="4">
        <v>606</v>
      </c>
      <c r="E7" s="4">
        <v>1</v>
      </c>
      <c r="F7" s="4">
        <v>3465</v>
      </c>
    </row>
    <row r="8" spans="1:15">
      <c r="A8" s="57"/>
      <c r="B8" s="5">
        <v>0.248</v>
      </c>
      <c r="C8" s="5">
        <v>0.57699999999999996</v>
      </c>
      <c r="D8" s="5">
        <v>0.17499999999999999</v>
      </c>
      <c r="E8" s="5">
        <v>0</v>
      </c>
      <c r="F8" s="5">
        <v>1</v>
      </c>
      <c r="H8" s="9"/>
      <c r="I8" s="9"/>
      <c r="J8" s="9"/>
      <c r="K8" s="9"/>
      <c r="L8" s="9"/>
      <c r="M8" s="9"/>
      <c r="N8" s="9"/>
      <c r="O8" s="9"/>
    </row>
    <row r="9" spans="1:15">
      <c r="A9" s="56" t="s">
        <v>186</v>
      </c>
      <c r="B9" s="6">
        <v>0</v>
      </c>
      <c r="C9" s="6">
        <v>0</v>
      </c>
      <c r="D9" s="6">
        <v>1</v>
      </c>
      <c r="E9" s="6">
        <v>0</v>
      </c>
      <c r="F9" s="6">
        <v>1</v>
      </c>
    </row>
    <row r="10" spans="1:15">
      <c r="A10" s="57"/>
      <c r="B10" s="5">
        <v>0</v>
      </c>
      <c r="C10" s="5">
        <v>0</v>
      </c>
      <c r="D10" s="5">
        <v>1</v>
      </c>
      <c r="E10" s="5">
        <v>0</v>
      </c>
      <c r="F10" s="5">
        <v>1</v>
      </c>
      <c r="H10" s="9"/>
      <c r="I10" s="9"/>
      <c r="J10" s="9"/>
      <c r="K10" s="9"/>
      <c r="L10" s="9"/>
      <c r="M10" s="9"/>
      <c r="N10" s="9"/>
      <c r="O10" s="9"/>
    </row>
    <row r="11" spans="1:15" ht="14.25" customHeight="1">
      <c r="A11" s="73" t="s">
        <v>187</v>
      </c>
      <c r="B11" s="6">
        <v>3</v>
      </c>
      <c r="C11" s="6">
        <v>0</v>
      </c>
      <c r="D11" s="6">
        <v>1</v>
      </c>
      <c r="E11" s="6">
        <v>0</v>
      </c>
      <c r="F11" s="6">
        <v>4</v>
      </c>
    </row>
    <row r="12" spans="1:15">
      <c r="A12" s="74"/>
      <c r="B12" s="5">
        <v>0.75</v>
      </c>
      <c r="C12" s="5">
        <v>0</v>
      </c>
      <c r="D12" s="5">
        <v>0.25</v>
      </c>
      <c r="E12" s="5">
        <v>0</v>
      </c>
      <c r="F12" s="5">
        <v>1</v>
      </c>
      <c r="H12" s="9"/>
      <c r="I12" s="9"/>
      <c r="J12" s="9"/>
      <c r="K12" s="9"/>
      <c r="L12" s="9"/>
      <c r="M12" s="9"/>
      <c r="N12" s="9"/>
      <c r="O12" s="9"/>
    </row>
    <row r="13" spans="1:15">
      <c r="A13" s="56" t="s">
        <v>188</v>
      </c>
      <c r="B13" s="6">
        <v>1</v>
      </c>
      <c r="C13" s="6">
        <v>4</v>
      </c>
      <c r="D13" s="6">
        <v>0</v>
      </c>
      <c r="E13" s="6">
        <v>0</v>
      </c>
      <c r="F13" s="6">
        <v>5</v>
      </c>
    </row>
    <row r="14" spans="1:15">
      <c r="A14" s="57"/>
      <c r="B14" s="5">
        <v>0.2</v>
      </c>
      <c r="C14" s="5">
        <v>0.8</v>
      </c>
      <c r="D14" s="5">
        <v>0</v>
      </c>
      <c r="E14" s="5">
        <v>0</v>
      </c>
      <c r="F14" s="5">
        <v>1</v>
      </c>
      <c r="H14" s="9"/>
      <c r="I14" s="9"/>
      <c r="J14" s="9"/>
      <c r="K14" s="9"/>
      <c r="L14" s="9"/>
      <c r="M14" s="9"/>
      <c r="N14" s="9"/>
      <c r="O14" s="9"/>
    </row>
    <row r="15" spans="1:15">
      <c r="A15" s="56" t="s">
        <v>171</v>
      </c>
      <c r="B15" s="6">
        <v>2</v>
      </c>
      <c r="C15" s="6">
        <v>2</v>
      </c>
      <c r="D15" s="6">
        <v>1</v>
      </c>
      <c r="E15" s="6">
        <v>1</v>
      </c>
      <c r="F15" s="6">
        <v>6</v>
      </c>
    </row>
    <row r="16" spans="1:15">
      <c r="A16" s="57"/>
      <c r="B16" s="5">
        <v>0.33300000000000002</v>
      </c>
      <c r="C16" s="5">
        <v>0.33300000000000002</v>
      </c>
      <c r="D16" s="5">
        <v>0.16700000000000001</v>
      </c>
      <c r="E16" s="5">
        <v>0.16700000000000001</v>
      </c>
      <c r="F16" s="5">
        <v>1</v>
      </c>
      <c r="H16" s="9"/>
      <c r="I16" s="9"/>
      <c r="J16" s="9"/>
      <c r="K16" s="9"/>
      <c r="L16" s="9"/>
      <c r="M16" s="9"/>
      <c r="N16" s="9"/>
      <c r="O16" s="9"/>
    </row>
    <row r="17" spans="1:15">
      <c r="A17" s="56" t="s">
        <v>29</v>
      </c>
      <c r="B17" s="4">
        <v>935</v>
      </c>
      <c r="C17" s="4">
        <v>2114</v>
      </c>
      <c r="D17" s="4">
        <v>634</v>
      </c>
      <c r="E17" s="4">
        <v>2</v>
      </c>
      <c r="F17" s="4">
        <v>3685</v>
      </c>
    </row>
    <row r="18" spans="1:15">
      <c r="A18" s="57"/>
      <c r="B18" s="5">
        <v>0.254</v>
      </c>
      <c r="C18" s="5">
        <v>0.57399999999999995</v>
      </c>
      <c r="D18" s="5">
        <v>0.17199999999999999</v>
      </c>
      <c r="E18" s="5">
        <v>1E-3</v>
      </c>
      <c r="F18" s="5">
        <v>1</v>
      </c>
      <c r="H18" s="9"/>
      <c r="I18" s="9"/>
      <c r="J18" s="9"/>
      <c r="K18" s="9"/>
      <c r="L18" s="9"/>
      <c r="M18" s="9"/>
      <c r="N18" s="9"/>
      <c r="O18" s="9"/>
    </row>
    <row r="19" spans="1:15">
      <c r="A19" s="54" t="s">
        <v>101</v>
      </c>
      <c r="B19" s="54"/>
      <c r="C19" s="54"/>
      <c r="D19" s="54"/>
      <c r="E19" s="54"/>
      <c r="F19" s="54"/>
    </row>
    <row r="20" spans="1:15">
      <c r="A20" s="55"/>
      <c r="B20" s="55"/>
      <c r="C20" s="55"/>
      <c r="D20" s="55"/>
      <c r="E20" s="55"/>
      <c r="F20" s="55"/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2"/>
  <dimension ref="A1:I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9">
      <c r="A1" s="1" t="s">
        <v>603</v>
      </c>
    </row>
    <row r="2" spans="1:9" ht="14.25" customHeight="1">
      <c r="A2" s="41" t="s">
        <v>812</v>
      </c>
      <c r="C2" s="7"/>
      <c r="D2" s="7"/>
    </row>
    <row r="3" spans="1:9" ht="14.25" customHeight="1">
      <c r="A3" s="60" t="s">
        <v>183</v>
      </c>
      <c r="B3" s="53" t="s">
        <v>103</v>
      </c>
      <c r="C3" s="53"/>
      <c r="D3" s="53"/>
      <c r="E3" s="2"/>
    </row>
    <row r="4" spans="1:9">
      <c r="A4" s="60"/>
      <c r="B4" s="8" t="s">
        <v>142</v>
      </c>
      <c r="C4" s="8" t="s">
        <v>150</v>
      </c>
      <c r="D4" s="8" t="s">
        <v>29</v>
      </c>
    </row>
    <row r="5" spans="1:9">
      <c r="A5" s="56" t="s">
        <v>184</v>
      </c>
      <c r="B5" s="4">
        <v>56</v>
      </c>
      <c r="C5" s="4">
        <v>7</v>
      </c>
      <c r="D5" s="4">
        <v>63</v>
      </c>
    </row>
    <row r="6" spans="1:9">
      <c r="A6" s="61"/>
      <c r="B6" s="5">
        <v>0.88900000000000001</v>
      </c>
      <c r="C6" s="5">
        <v>0.111</v>
      </c>
      <c r="D6" s="5">
        <v>1</v>
      </c>
      <c r="G6" s="9"/>
      <c r="H6" s="9"/>
      <c r="I6" s="9"/>
    </row>
    <row r="7" spans="1:9">
      <c r="A7" s="56" t="s">
        <v>185</v>
      </c>
      <c r="B7" s="6">
        <v>712</v>
      </c>
      <c r="C7" s="6">
        <v>98</v>
      </c>
      <c r="D7" s="4">
        <v>810</v>
      </c>
    </row>
    <row r="8" spans="1:9">
      <c r="A8" s="57"/>
      <c r="B8" s="5">
        <v>0.879</v>
      </c>
      <c r="C8" s="5">
        <v>0.121</v>
      </c>
      <c r="D8" s="5">
        <v>1</v>
      </c>
      <c r="G8" s="9"/>
      <c r="H8" s="9"/>
      <c r="I8" s="9"/>
    </row>
    <row r="9" spans="1:9">
      <c r="A9" s="56" t="s">
        <v>186</v>
      </c>
      <c r="B9" s="6">
        <v>0</v>
      </c>
      <c r="C9" s="6">
        <v>0</v>
      </c>
      <c r="D9" s="6">
        <v>0</v>
      </c>
    </row>
    <row r="10" spans="1:9">
      <c r="A10" s="57"/>
      <c r="B10" s="5">
        <v>0</v>
      </c>
      <c r="C10" s="5">
        <v>0</v>
      </c>
      <c r="D10" s="5">
        <v>0</v>
      </c>
      <c r="G10" s="9"/>
      <c r="H10" s="9"/>
      <c r="I10" s="9"/>
    </row>
    <row r="11" spans="1:9" ht="14.25" customHeight="1">
      <c r="A11" s="73" t="s">
        <v>187</v>
      </c>
      <c r="B11" s="6">
        <v>3</v>
      </c>
      <c r="C11" s="6">
        <v>0</v>
      </c>
      <c r="D11" s="6">
        <v>3</v>
      </c>
    </row>
    <row r="12" spans="1:9">
      <c r="A12" s="74"/>
      <c r="B12" s="5">
        <v>1</v>
      </c>
      <c r="C12" s="5">
        <v>0</v>
      </c>
      <c r="D12" s="5">
        <v>1</v>
      </c>
      <c r="G12" s="9"/>
      <c r="H12" s="9"/>
      <c r="I12" s="9"/>
    </row>
    <row r="13" spans="1:9">
      <c r="A13" s="56" t="s">
        <v>188</v>
      </c>
      <c r="B13" s="6">
        <v>1</v>
      </c>
      <c r="C13" s="6">
        <v>0</v>
      </c>
      <c r="D13" s="6">
        <v>1</v>
      </c>
    </row>
    <row r="14" spans="1:9">
      <c r="A14" s="57"/>
      <c r="B14" s="5">
        <v>1</v>
      </c>
      <c r="C14" s="5">
        <v>0</v>
      </c>
      <c r="D14" s="5">
        <v>1</v>
      </c>
      <c r="G14" s="9"/>
      <c r="H14" s="9"/>
      <c r="I14" s="9"/>
    </row>
    <row r="15" spans="1:9">
      <c r="A15" s="56" t="s">
        <v>171</v>
      </c>
      <c r="B15" s="6">
        <v>1</v>
      </c>
      <c r="C15" s="6">
        <v>0</v>
      </c>
      <c r="D15" s="6">
        <v>1</v>
      </c>
    </row>
    <row r="16" spans="1:9">
      <c r="A16" s="57"/>
      <c r="B16" s="5">
        <v>1</v>
      </c>
      <c r="C16" s="5">
        <v>0</v>
      </c>
      <c r="D16" s="5">
        <v>1</v>
      </c>
      <c r="G16" s="9"/>
      <c r="H16" s="9"/>
      <c r="I16" s="9"/>
    </row>
    <row r="17" spans="1:4">
      <c r="A17" s="56" t="s">
        <v>29</v>
      </c>
      <c r="B17" s="6">
        <v>773</v>
      </c>
      <c r="C17" s="6">
        <v>105</v>
      </c>
      <c r="D17" s="6">
        <v>878</v>
      </c>
    </row>
    <row r="18" spans="1:4">
      <c r="A18" s="57"/>
      <c r="B18" s="5">
        <v>0.88</v>
      </c>
      <c r="C18" s="5">
        <v>0.12</v>
      </c>
      <c r="D18" s="5">
        <v>1</v>
      </c>
    </row>
    <row r="19" spans="1:4">
      <c r="A19" s="54" t="s">
        <v>521</v>
      </c>
      <c r="B19" s="54"/>
      <c r="C19" s="54"/>
      <c r="D19" s="54"/>
    </row>
    <row r="20" spans="1:4">
      <c r="A20" s="55"/>
      <c r="B20" s="55"/>
      <c r="C20" s="55"/>
      <c r="D20" s="55"/>
    </row>
  </sheetData>
  <mergeCells count="10">
    <mergeCell ref="A13:A14"/>
    <mergeCell ref="A15:A16"/>
    <mergeCell ref="A17:A18"/>
    <mergeCell ref="A19:D20"/>
    <mergeCell ref="A3:A4"/>
    <mergeCell ref="B3:D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3"/>
  <dimension ref="A1:L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2">
      <c r="A1" s="1" t="s">
        <v>604</v>
      </c>
    </row>
    <row r="2" spans="1:12" ht="14.25" customHeight="1">
      <c r="A2" s="41" t="s">
        <v>812</v>
      </c>
      <c r="C2" s="7"/>
      <c r="D2" s="7"/>
      <c r="E2" s="7"/>
      <c r="F2" s="7"/>
    </row>
    <row r="3" spans="1:12" ht="14.25" customHeight="1">
      <c r="A3" s="60" t="s">
        <v>183</v>
      </c>
      <c r="B3" s="53" t="s">
        <v>111</v>
      </c>
      <c r="C3" s="53"/>
      <c r="D3" s="53"/>
      <c r="E3" s="53"/>
      <c r="F3" s="53"/>
      <c r="G3" s="2"/>
    </row>
    <row r="4" spans="1:12" ht="42.75">
      <c r="A4" s="60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12">
      <c r="A5" s="56" t="s">
        <v>184</v>
      </c>
      <c r="B5" s="4">
        <v>193</v>
      </c>
      <c r="C5" s="4">
        <v>10</v>
      </c>
      <c r="D5" s="4">
        <v>1</v>
      </c>
      <c r="E5" s="4">
        <v>0</v>
      </c>
      <c r="F5" s="4">
        <v>204</v>
      </c>
    </row>
    <row r="6" spans="1:12">
      <c r="A6" s="61"/>
      <c r="B6" s="5">
        <v>0.94599999999999995</v>
      </c>
      <c r="C6" s="5">
        <v>4.9000000000000002E-2</v>
      </c>
      <c r="D6" s="5">
        <v>5.0000000000000001E-3</v>
      </c>
      <c r="E6" s="5">
        <v>0</v>
      </c>
      <c r="F6" s="5">
        <v>1</v>
      </c>
      <c r="H6" s="9"/>
      <c r="I6" s="9"/>
      <c r="J6" s="9"/>
      <c r="K6" s="9"/>
      <c r="L6" s="9"/>
    </row>
    <row r="7" spans="1:12">
      <c r="A7" s="56" t="s">
        <v>185</v>
      </c>
      <c r="B7" s="4">
        <v>3365</v>
      </c>
      <c r="C7" s="4">
        <v>93</v>
      </c>
      <c r="D7" s="4">
        <v>6</v>
      </c>
      <c r="E7" s="4">
        <v>1</v>
      </c>
      <c r="F7" s="4">
        <v>3465</v>
      </c>
    </row>
    <row r="8" spans="1:12">
      <c r="A8" s="57"/>
      <c r="B8" s="5">
        <v>0.97099999999999997</v>
      </c>
      <c r="C8" s="5">
        <v>2.7E-2</v>
      </c>
      <c r="D8" s="5">
        <v>2E-3</v>
      </c>
      <c r="E8" s="5">
        <v>0</v>
      </c>
      <c r="F8" s="5">
        <v>1</v>
      </c>
      <c r="H8" s="9"/>
      <c r="I8" s="9"/>
      <c r="J8" s="9"/>
      <c r="K8" s="9"/>
      <c r="L8" s="9"/>
    </row>
    <row r="9" spans="1:12">
      <c r="A9" s="56" t="s">
        <v>186</v>
      </c>
      <c r="B9" s="6">
        <v>1</v>
      </c>
      <c r="C9" s="6">
        <v>0</v>
      </c>
      <c r="D9" s="6">
        <v>0</v>
      </c>
      <c r="E9" s="6">
        <v>0</v>
      </c>
      <c r="F9" s="6">
        <v>1</v>
      </c>
    </row>
    <row r="10" spans="1:12">
      <c r="A10" s="57"/>
      <c r="B10" s="5">
        <v>1</v>
      </c>
      <c r="C10" s="5">
        <v>0</v>
      </c>
      <c r="D10" s="5">
        <v>0</v>
      </c>
      <c r="E10" s="5">
        <v>0</v>
      </c>
      <c r="F10" s="5">
        <v>1</v>
      </c>
      <c r="H10" s="9"/>
      <c r="I10" s="9"/>
      <c r="J10" s="9"/>
      <c r="K10" s="9"/>
      <c r="L10" s="9"/>
    </row>
    <row r="11" spans="1:12" ht="14.25" customHeight="1">
      <c r="A11" s="73" t="s">
        <v>187</v>
      </c>
      <c r="B11" s="6">
        <v>4</v>
      </c>
      <c r="C11" s="6">
        <v>0</v>
      </c>
      <c r="D11" s="6">
        <v>0</v>
      </c>
      <c r="E11" s="6">
        <v>0</v>
      </c>
      <c r="F11" s="6">
        <v>4</v>
      </c>
    </row>
    <row r="12" spans="1:12">
      <c r="A12" s="74"/>
      <c r="B12" s="5">
        <v>1</v>
      </c>
      <c r="C12" s="5">
        <v>0</v>
      </c>
      <c r="D12" s="5">
        <v>0</v>
      </c>
      <c r="E12" s="5">
        <v>0</v>
      </c>
      <c r="F12" s="5">
        <v>1</v>
      </c>
      <c r="H12" s="9"/>
      <c r="I12" s="9"/>
      <c r="J12" s="9"/>
      <c r="K12" s="9"/>
      <c r="L12" s="9"/>
    </row>
    <row r="13" spans="1:12">
      <c r="A13" s="56" t="s">
        <v>188</v>
      </c>
      <c r="B13" s="6">
        <v>5</v>
      </c>
      <c r="C13" s="6">
        <v>0</v>
      </c>
      <c r="D13" s="6">
        <v>0</v>
      </c>
      <c r="E13" s="6">
        <v>0</v>
      </c>
      <c r="F13" s="6">
        <v>5</v>
      </c>
    </row>
    <row r="14" spans="1:12">
      <c r="A14" s="57"/>
      <c r="B14" s="5">
        <v>1</v>
      </c>
      <c r="C14" s="5">
        <v>0</v>
      </c>
      <c r="D14" s="5">
        <v>0</v>
      </c>
      <c r="E14" s="5">
        <v>0</v>
      </c>
      <c r="F14" s="5">
        <v>1</v>
      </c>
      <c r="H14" s="9"/>
      <c r="I14" s="9"/>
      <c r="J14" s="9"/>
      <c r="K14" s="9"/>
      <c r="L14" s="9"/>
    </row>
    <row r="15" spans="1:12">
      <c r="A15" s="56" t="s">
        <v>171</v>
      </c>
      <c r="B15" s="6">
        <v>4</v>
      </c>
      <c r="C15" s="6">
        <v>1</v>
      </c>
      <c r="D15" s="6">
        <v>0</v>
      </c>
      <c r="E15" s="6">
        <v>1</v>
      </c>
      <c r="F15" s="6">
        <v>6</v>
      </c>
    </row>
    <row r="16" spans="1:12">
      <c r="A16" s="57"/>
      <c r="B16" s="5">
        <v>0.66700000000000004</v>
      </c>
      <c r="C16" s="5">
        <v>0.16700000000000001</v>
      </c>
      <c r="D16" s="5">
        <v>0</v>
      </c>
      <c r="E16" s="5">
        <v>0.16700000000000001</v>
      </c>
      <c r="F16" s="5">
        <v>1</v>
      </c>
      <c r="H16" s="9"/>
      <c r="I16" s="9"/>
      <c r="J16" s="9"/>
      <c r="K16" s="9"/>
      <c r="L16" s="9"/>
    </row>
    <row r="17" spans="1:12">
      <c r="A17" s="56" t="s">
        <v>29</v>
      </c>
      <c r="B17" s="4">
        <v>3572</v>
      </c>
      <c r="C17" s="4">
        <v>104</v>
      </c>
      <c r="D17" s="4">
        <v>7</v>
      </c>
      <c r="E17" s="4">
        <v>2</v>
      </c>
      <c r="F17" s="4">
        <v>3685</v>
      </c>
    </row>
    <row r="18" spans="1:12">
      <c r="A18" s="57"/>
      <c r="B18" s="5">
        <v>0.96899999999999997</v>
      </c>
      <c r="C18" s="5">
        <v>2.8000000000000001E-2</v>
      </c>
      <c r="D18" s="5">
        <v>2E-3</v>
      </c>
      <c r="E18" s="5">
        <v>1E-3</v>
      </c>
      <c r="F18" s="5">
        <v>1</v>
      </c>
      <c r="H18" s="9"/>
      <c r="I18" s="9"/>
      <c r="J18" s="9"/>
      <c r="K18" s="9"/>
      <c r="L18" s="9"/>
    </row>
    <row r="19" spans="1:12">
      <c r="A19" s="54" t="s">
        <v>105</v>
      </c>
      <c r="B19" s="54"/>
      <c r="C19" s="54"/>
      <c r="D19" s="54"/>
      <c r="E19" s="54"/>
      <c r="F19" s="54"/>
    </row>
    <row r="20" spans="1:12">
      <c r="A20" s="55"/>
      <c r="B20" s="55"/>
      <c r="C20" s="55"/>
      <c r="D20" s="55"/>
      <c r="E20" s="55"/>
      <c r="F20" s="55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4"/>
  <dimension ref="A1:M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3">
      <c r="A1" s="1" t="s">
        <v>605</v>
      </c>
    </row>
    <row r="2" spans="1:13" ht="14.25" customHeight="1">
      <c r="A2" s="41" t="s">
        <v>812</v>
      </c>
      <c r="C2" s="7"/>
      <c r="D2" s="7"/>
      <c r="E2" s="7"/>
      <c r="F2" s="7"/>
    </row>
    <row r="3" spans="1:13" ht="14.25" customHeight="1">
      <c r="A3" s="60" t="s">
        <v>183</v>
      </c>
      <c r="B3" s="53" t="s">
        <v>519</v>
      </c>
      <c r="C3" s="53"/>
      <c r="D3" s="53"/>
      <c r="E3" s="53"/>
      <c r="F3" s="53"/>
      <c r="G3" s="2"/>
    </row>
    <row r="4" spans="1:13">
      <c r="A4" s="60"/>
      <c r="B4" s="8" t="s">
        <v>149</v>
      </c>
      <c r="C4" s="8" t="s">
        <v>574</v>
      </c>
      <c r="D4" s="8" t="s">
        <v>150</v>
      </c>
      <c r="E4" s="8" t="s">
        <v>42</v>
      </c>
      <c r="F4" s="8" t="s">
        <v>29</v>
      </c>
    </row>
    <row r="5" spans="1:13">
      <c r="A5" s="56" t="s">
        <v>184</v>
      </c>
      <c r="B5" s="4">
        <v>92</v>
      </c>
      <c r="C5" s="4">
        <v>86</v>
      </c>
      <c r="D5" s="4">
        <v>9</v>
      </c>
      <c r="E5" s="4">
        <v>6</v>
      </c>
      <c r="F5" s="4">
        <v>193</v>
      </c>
    </row>
    <row r="6" spans="1:13">
      <c r="A6" s="61"/>
      <c r="B6" s="5">
        <v>0.47699999999999998</v>
      </c>
      <c r="C6" s="5">
        <v>0.44600000000000001</v>
      </c>
      <c r="D6" s="5">
        <v>4.7E-2</v>
      </c>
      <c r="E6" s="5">
        <v>3.1E-2</v>
      </c>
      <c r="F6" s="5">
        <v>1</v>
      </c>
      <c r="I6" s="9"/>
      <c r="J6" s="9"/>
      <c r="K6" s="9"/>
      <c r="L6" s="9"/>
      <c r="M6" s="9"/>
    </row>
    <row r="7" spans="1:13">
      <c r="A7" s="56" t="s">
        <v>185</v>
      </c>
      <c r="B7" s="4">
        <v>1494</v>
      </c>
      <c r="C7" s="4">
        <v>1534</v>
      </c>
      <c r="D7" s="4">
        <v>244</v>
      </c>
      <c r="E7" s="4">
        <v>93</v>
      </c>
      <c r="F7" s="4">
        <v>3365</v>
      </c>
    </row>
    <row r="8" spans="1:13">
      <c r="A8" s="57"/>
      <c r="B8" s="5">
        <v>0.44400000000000001</v>
      </c>
      <c r="C8" s="5">
        <v>0.45600000000000002</v>
      </c>
      <c r="D8" s="5">
        <v>7.2999999999999995E-2</v>
      </c>
      <c r="E8" s="5">
        <v>2.8000000000000001E-2</v>
      </c>
      <c r="F8" s="5">
        <v>1</v>
      </c>
      <c r="I8" s="9"/>
      <c r="J8" s="9"/>
      <c r="K8" s="9"/>
      <c r="L8" s="9"/>
      <c r="M8" s="9"/>
    </row>
    <row r="9" spans="1:13">
      <c r="A9" s="56" t="s">
        <v>186</v>
      </c>
      <c r="B9" s="6">
        <v>1</v>
      </c>
      <c r="C9" s="6">
        <v>0</v>
      </c>
      <c r="D9" s="6">
        <v>0</v>
      </c>
      <c r="E9" s="6">
        <v>0</v>
      </c>
      <c r="F9" s="6">
        <v>1</v>
      </c>
    </row>
    <row r="10" spans="1:13">
      <c r="A10" s="57"/>
      <c r="B10" s="5">
        <v>1</v>
      </c>
      <c r="C10" s="5">
        <v>0</v>
      </c>
      <c r="D10" s="5">
        <v>0</v>
      </c>
      <c r="E10" s="5">
        <v>0</v>
      </c>
      <c r="F10" s="5">
        <v>1</v>
      </c>
      <c r="I10" s="9"/>
      <c r="J10" s="9"/>
      <c r="K10" s="9"/>
      <c r="L10" s="9"/>
      <c r="M10" s="9"/>
    </row>
    <row r="11" spans="1:13" ht="14.25" customHeight="1">
      <c r="A11" s="73" t="s">
        <v>187</v>
      </c>
      <c r="B11" s="6">
        <v>2</v>
      </c>
      <c r="C11" s="6">
        <v>2</v>
      </c>
      <c r="D11" s="6">
        <v>0</v>
      </c>
      <c r="E11" s="6">
        <v>0</v>
      </c>
      <c r="F11" s="6">
        <v>4</v>
      </c>
    </row>
    <row r="12" spans="1:13">
      <c r="A12" s="74"/>
      <c r="B12" s="5">
        <v>0.5</v>
      </c>
      <c r="C12" s="5">
        <v>0.5</v>
      </c>
      <c r="D12" s="5">
        <v>0</v>
      </c>
      <c r="E12" s="5">
        <v>0</v>
      </c>
      <c r="F12" s="5">
        <v>1</v>
      </c>
      <c r="I12" s="9"/>
      <c r="J12" s="9"/>
      <c r="K12" s="9"/>
      <c r="L12" s="9"/>
      <c r="M12" s="9"/>
    </row>
    <row r="13" spans="1:13">
      <c r="A13" s="56" t="s">
        <v>188</v>
      </c>
      <c r="B13" s="6">
        <v>1</v>
      </c>
      <c r="C13" s="6">
        <v>1</v>
      </c>
      <c r="D13" s="6">
        <v>3</v>
      </c>
      <c r="E13" s="6">
        <v>0</v>
      </c>
      <c r="F13" s="6">
        <v>5</v>
      </c>
    </row>
    <row r="14" spans="1:13">
      <c r="A14" s="57"/>
      <c r="B14" s="5">
        <v>0.2</v>
      </c>
      <c r="C14" s="5">
        <v>0.2</v>
      </c>
      <c r="D14" s="5">
        <v>0.6</v>
      </c>
      <c r="E14" s="5">
        <v>0</v>
      </c>
      <c r="F14" s="5">
        <v>1</v>
      </c>
      <c r="I14" s="9"/>
      <c r="J14" s="9"/>
      <c r="K14" s="9"/>
      <c r="L14" s="9"/>
      <c r="M14" s="9"/>
    </row>
    <row r="15" spans="1:13">
      <c r="A15" s="56" t="s">
        <v>171</v>
      </c>
      <c r="B15" s="6">
        <v>1</v>
      </c>
      <c r="C15" s="6">
        <v>2</v>
      </c>
      <c r="D15" s="6">
        <v>0</v>
      </c>
      <c r="E15" s="6">
        <v>1</v>
      </c>
      <c r="F15" s="6">
        <v>4</v>
      </c>
    </row>
    <row r="16" spans="1:13">
      <c r="A16" s="57"/>
      <c r="B16" s="5">
        <v>0.25</v>
      </c>
      <c r="C16" s="5">
        <v>0.5</v>
      </c>
      <c r="D16" s="5">
        <v>0</v>
      </c>
      <c r="E16" s="5">
        <v>0.25</v>
      </c>
      <c r="F16" s="5">
        <v>1</v>
      </c>
      <c r="I16" s="9"/>
      <c r="J16" s="9"/>
      <c r="K16" s="9"/>
      <c r="L16" s="9"/>
      <c r="M16" s="9"/>
    </row>
    <row r="17" spans="1:13">
      <c r="A17" s="56" t="s">
        <v>29</v>
      </c>
      <c r="B17" s="4">
        <v>1591</v>
      </c>
      <c r="C17" s="4">
        <v>1625</v>
      </c>
      <c r="D17" s="4">
        <v>256</v>
      </c>
      <c r="E17" s="4">
        <v>100</v>
      </c>
      <c r="F17" s="4">
        <v>3572</v>
      </c>
    </row>
    <row r="18" spans="1:13">
      <c r="A18" s="57"/>
      <c r="B18" s="5">
        <v>0.44500000000000001</v>
      </c>
      <c r="C18" s="5">
        <v>0.45500000000000002</v>
      </c>
      <c r="D18" s="5">
        <v>7.1999999999999995E-2</v>
      </c>
      <c r="E18" s="5">
        <v>2.8000000000000001E-2</v>
      </c>
      <c r="F18" s="5">
        <v>1</v>
      </c>
      <c r="I18" s="9"/>
      <c r="J18" s="9"/>
      <c r="K18" s="9"/>
      <c r="L18" s="9"/>
      <c r="M18" s="9"/>
    </row>
    <row r="19" spans="1:13">
      <c r="A19" s="54" t="s">
        <v>520</v>
      </c>
      <c r="B19" s="54"/>
      <c r="C19" s="54"/>
      <c r="D19" s="54"/>
      <c r="E19" s="54"/>
      <c r="F19" s="54"/>
    </row>
    <row r="20" spans="1:13">
      <c r="A20" s="55"/>
      <c r="B20" s="55"/>
      <c r="C20" s="55"/>
      <c r="D20" s="55"/>
      <c r="E20" s="55"/>
      <c r="F20" s="55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5"/>
  <dimension ref="A1:M2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3">
      <c r="A1" s="1" t="s">
        <v>606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83</v>
      </c>
      <c r="B3" s="53" t="s">
        <v>113</v>
      </c>
      <c r="C3" s="53"/>
      <c r="D3" s="53"/>
      <c r="E3" s="53"/>
      <c r="F3" s="2"/>
    </row>
    <row r="4" spans="1:13" ht="28.5">
      <c r="A4" s="60"/>
      <c r="B4" s="8" t="s">
        <v>151</v>
      </c>
      <c r="C4" s="8" t="s">
        <v>152</v>
      </c>
      <c r="D4" s="8" t="s">
        <v>42</v>
      </c>
      <c r="E4" s="8" t="s">
        <v>29</v>
      </c>
    </row>
    <row r="5" spans="1:13">
      <c r="A5" s="56" t="s">
        <v>184</v>
      </c>
      <c r="B5" s="4">
        <v>199</v>
      </c>
      <c r="C5" s="4">
        <v>5</v>
      </c>
      <c r="D5" s="4">
        <v>0</v>
      </c>
      <c r="E5" s="4">
        <v>204</v>
      </c>
    </row>
    <row r="6" spans="1:13">
      <c r="A6" s="61"/>
      <c r="B6" s="5">
        <v>0.97499999999999998</v>
      </c>
      <c r="C6" s="5">
        <v>2.5000000000000001E-2</v>
      </c>
      <c r="D6" s="5">
        <v>0</v>
      </c>
      <c r="E6" s="5">
        <v>1</v>
      </c>
      <c r="G6" s="9"/>
      <c r="H6" s="9"/>
      <c r="I6" s="9"/>
      <c r="J6" s="9"/>
    </row>
    <row r="7" spans="1:13">
      <c r="A7" s="56" t="s">
        <v>185</v>
      </c>
      <c r="B7" s="4">
        <v>3425</v>
      </c>
      <c r="C7" s="4">
        <v>33</v>
      </c>
      <c r="D7" s="4">
        <v>7</v>
      </c>
      <c r="E7" s="4">
        <v>3465</v>
      </c>
    </row>
    <row r="8" spans="1:13">
      <c r="A8" s="57"/>
      <c r="B8" s="5">
        <v>0.98799999999999999</v>
      </c>
      <c r="C8" s="5">
        <v>0.01</v>
      </c>
      <c r="D8" s="5">
        <v>2E-3</v>
      </c>
      <c r="E8" s="5">
        <v>1</v>
      </c>
      <c r="G8" s="9"/>
      <c r="H8" s="9"/>
      <c r="I8" s="9"/>
      <c r="J8" s="9"/>
      <c r="K8" s="9"/>
      <c r="L8" s="9"/>
      <c r="M8" s="9"/>
    </row>
    <row r="9" spans="1:13">
      <c r="A9" s="56" t="s">
        <v>186</v>
      </c>
      <c r="B9" s="6">
        <v>1</v>
      </c>
      <c r="C9" s="6">
        <v>0</v>
      </c>
      <c r="D9" s="6">
        <v>0</v>
      </c>
      <c r="E9" s="6">
        <v>1</v>
      </c>
    </row>
    <row r="10" spans="1:13">
      <c r="A10" s="57"/>
      <c r="B10" s="5">
        <v>1</v>
      </c>
      <c r="C10" s="5">
        <v>0</v>
      </c>
      <c r="D10" s="5">
        <v>0</v>
      </c>
      <c r="E10" s="5">
        <v>1</v>
      </c>
      <c r="G10" s="9"/>
      <c r="H10" s="9"/>
      <c r="I10" s="9"/>
      <c r="J10" s="9"/>
      <c r="K10" s="9"/>
      <c r="L10" s="9"/>
      <c r="M10" s="9"/>
    </row>
    <row r="11" spans="1:13" ht="14.25" customHeight="1">
      <c r="A11" s="73" t="s">
        <v>187</v>
      </c>
      <c r="B11" s="6">
        <v>3</v>
      </c>
      <c r="C11" s="6">
        <v>1</v>
      </c>
      <c r="D11" s="6">
        <v>0</v>
      </c>
      <c r="E11" s="6">
        <v>4</v>
      </c>
    </row>
    <row r="12" spans="1:13">
      <c r="A12" s="74"/>
      <c r="B12" s="5">
        <v>0.75</v>
      </c>
      <c r="C12" s="5">
        <v>0.25</v>
      </c>
      <c r="D12" s="5">
        <v>0</v>
      </c>
      <c r="E12" s="5">
        <v>1</v>
      </c>
      <c r="G12" s="9"/>
      <c r="H12" s="9"/>
      <c r="I12" s="9"/>
      <c r="J12" s="9"/>
      <c r="K12" s="9"/>
      <c r="L12" s="9"/>
      <c r="M12" s="9"/>
    </row>
    <row r="13" spans="1:13">
      <c r="A13" s="56" t="s">
        <v>188</v>
      </c>
      <c r="B13" s="6">
        <v>5</v>
      </c>
      <c r="C13" s="6">
        <v>0</v>
      </c>
      <c r="D13" s="6">
        <v>0</v>
      </c>
      <c r="E13" s="6">
        <v>5</v>
      </c>
    </row>
    <row r="14" spans="1:13">
      <c r="A14" s="57"/>
      <c r="B14" s="5">
        <v>1</v>
      </c>
      <c r="C14" s="5">
        <v>0</v>
      </c>
      <c r="D14" s="5">
        <v>0</v>
      </c>
      <c r="E14" s="5">
        <v>1</v>
      </c>
      <c r="G14" s="9"/>
      <c r="H14" s="9"/>
      <c r="I14" s="9"/>
      <c r="J14" s="9"/>
      <c r="K14" s="9"/>
      <c r="L14" s="9"/>
      <c r="M14" s="9"/>
    </row>
    <row r="15" spans="1:13">
      <c r="A15" s="56" t="s">
        <v>171</v>
      </c>
      <c r="B15" s="6">
        <v>4</v>
      </c>
      <c r="C15" s="6">
        <v>0</v>
      </c>
      <c r="D15" s="6">
        <v>2</v>
      </c>
      <c r="E15" s="6">
        <v>6</v>
      </c>
    </row>
    <row r="16" spans="1:13">
      <c r="A16" s="57"/>
      <c r="B16" s="5">
        <v>0.66700000000000004</v>
      </c>
      <c r="C16" s="5">
        <v>0</v>
      </c>
      <c r="D16" s="5">
        <v>0.33300000000000002</v>
      </c>
      <c r="E16" s="5">
        <v>1</v>
      </c>
      <c r="G16" s="9"/>
      <c r="H16" s="9"/>
      <c r="I16" s="9"/>
      <c r="J16" s="9"/>
      <c r="K16" s="9"/>
      <c r="L16" s="9"/>
      <c r="M16" s="9"/>
    </row>
    <row r="17" spans="1:13">
      <c r="A17" s="56" t="s">
        <v>29</v>
      </c>
      <c r="B17" s="4">
        <v>3637</v>
      </c>
      <c r="C17" s="4">
        <v>39</v>
      </c>
      <c r="D17" s="4">
        <v>9</v>
      </c>
      <c r="E17" s="4">
        <v>3685</v>
      </c>
    </row>
    <row r="18" spans="1:13">
      <c r="A18" s="57"/>
      <c r="B18" s="5">
        <v>0.98699999999999999</v>
      </c>
      <c r="C18" s="5">
        <v>1.0999999999999999E-2</v>
      </c>
      <c r="D18" s="5">
        <v>2E-3</v>
      </c>
      <c r="E18" s="5">
        <v>1</v>
      </c>
      <c r="G18" s="9"/>
      <c r="H18" s="9"/>
      <c r="I18" s="9"/>
      <c r="J18" s="9"/>
      <c r="K18" s="9"/>
      <c r="L18" s="9"/>
      <c r="M18" s="9"/>
    </row>
    <row r="19" spans="1:13">
      <c r="A19" s="54" t="s">
        <v>106</v>
      </c>
      <c r="B19" s="54"/>
      <c r="C19" s="54"/>
      <c r="D19" s="54"/>
      <c r="E19" s="54"/>
    </row>
    <row r="20" spans="1:13">
      <c r="A20" s="55"/>
      <c r="B20" s="55"/>
      <c r="C20" s="55"/>
      <c r="D20" s="55"/>
      <c r="E20" s="55"/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10">
    <mergeCell ref="A13:A14"/>
    <mergeCell ref="A15:A16"/>
    <mergeCell ref="A17:A18"/>
    <mergeCell ref="A19:E20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6"/>
  <dimension ref="A1:O2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5">
      <c r="A1" s="1" t="s">
        <v>607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183</v>
      </c>
      <c r="B3" s="53" t="s">
        <v>114</v>
      </c>
      <c r="C3" s="53"/>
      <c r="D3" s="53"/>
      <c r="E3" s="53"/>
      <c r="F3" s="53"/>
      <c r="G3" s="2"/>
    </row>
    <row r="4" spans="1:15">
      <c r="A4" s="60"/>
      <c r="B4" s="8" t="s">
        <v>153</v>
      </c>
      <c r="C4" s="8" t="s">
        <v>154</v>
      </c>
      <c r="D4" s="8" t="s">
        <v>155</v>
      </c>
      <c r="E4" s="8" t="s">
        <v>42</v>
      </c>
      <c r="F4" s="8" t="s">
        <v>29</v>
      </c>
    </row>
    <row r="5" spans="1:15">
      <c r="A5" s="56" t="s">
        <v>184</v>
      </c>
      <c r="B5" s="4">
        <v>38</v>
      </c>
      <c r="C5" s="4">
        <v>57</v>
      </c>
      <c r="D5" s="4">
        <v>105</v>
      </c>
      <c r="E5" s="4">
        <v>4</v>
      </c>
      <c r="F5" s="4">
        <v>204</v>
      </c>
    </row>
    <row r="6" spans="1:15">
      <c r="A6" s="61"/>
      <c r="B6" s="5">
        <v>0.186</v>
      </c>
      <c r="C6" s="5">
        <v>0.27900000000000003</v>
      </c>
      <c r="D6" s="5">
        <v>0.51500000000000001</v>
      </c>
      <c r="E6" s="5">
        <v>0.02</v>
      </c>
      <c r="F6" s="5">
        <v>1</v>
      </c>
      <c r="H6" s="9"/>
      <c r="I6" s="9"/>
      <c r="J6" s="9"/>
      <c r="K6" s="9"/>
      <c r="L6" s="9"/>
    </row>
    <row r="7" spans="1:15">
      <c r="A7" s="56" t="s">
        <v>185</v>
      </c>
      <c r="B7" s="4">
        <v>631</v>
      </c>
      <c r="C7" s="4">
        <v>1133</v>
      </c>
      <c r="D7" s="4">
        <v>1676</v>
      </c>
      <c r="E7" s="4">
        <v>25</v>
      </c>
      <c r="F7" s="4">
        <v>3465</v>
      </c>
    </row>
    <row r="8" spans="1:15">
      <c r="A8" s="57"/>
      <c r="B8" s="5">
        <v>0.182</v>
      </c>
      <c r="C8" s="5">
        <v>0.32700000000000001</v>
      </c>
      <c r="D8" s="5">
        <v>0.48399999999999999</v>
      </c>
      <c r="E8" s="5">
        <v>7.0000000000000001E-3</v>
      </c>
      <c r="F8" s="5">
        <v>1</v>
      </c>
      <c r="H8" s="9"/>
      <c r="I8" s="9"/>
      <c r="J8" s="9"/>
      <c r="K8" s="9"/>
      <c r="L8" s="9"/>
      <c r="M8" s="9"/>
      <c r="N8" s="9"/>
      <c r="O8" s="9"/>
    </row>
    <row r="9" spans="1:15">
      <c r="A9" s="56" t="s">
        <v>186</v>
      </c>
      <c r="B9" s="6">
        <v>0</v>
      </c>
      <c r="C9" s="6">
        <v>0</v>
      </c>
      <c r="D9" s="6">
        <v>1</v>
      </c>
      <c r="E9" s="6">
        <v>0</v>
      </c>
      <c r="F9" s="6">
        <v>1</v>
      </c>
    </row>
    <row r="10" spans="1:15">
      <c r="A10" s="57"/>
      <c r="B10" s="5">
        <v>0</v>
      </c>
      <c r="C10" s="5">
        <v>0</v>
      </c>
      <c r="D10" s="5">
        <v>1</v>
      </c>
      <c r="E10" s="5">
        <v>0</v>
      </c>
      <c r="F10" s="5">
        <v>1</v>
      </c>
      <c r="H10" s="9"/>
      <c r="I10" s="9"/>
      <c r="J10" s="9"/>
      <c r="K10" s="9"/>
      <c r="L10" s="9"/>
      <c r="M10" s="9"/>
      <c r="N10" s="9"/>
      <c r="O10" s="9"/>
    </row>
    <row r="11" spans="1:15" ht="14.25" customHeight="1">
      <c r="A11" s="73" t="s">
        <v>187</v>
      </c>
      <c r="B11" s="6">
        <v>0</v>
      </c>
      <c r="C11" s="6">
        <v>0</v>
      </c>
      <c r="D11" s="6">
        <v>4</v>
      </c>
      <c r="E11" s="6">
        <v>0</v>
      </c>
      <c r="F11" s="6">
        <v>4</v>
      </c>
    </row>
    <row r="12" spans="1:15">
      <c r="A12" s="74"/>
      <c r="B12" s="5">
        <v>0</v>
      </c>
      <c r="C12" s="5">
        <v>0</v>
      </c>
      <c r="D12" s="5">
        <v>1</v>
      </c>
      <c r="E12" s="5">
        <v>0</v>
      </c>
      <c r="F12" s="5">
        <v>1</v>
      </c>
      <c r="H12" s="9"/>
      <c r="I12" s="9"/>
      <c r="J12" s="9"/>
      <c r="K12" s="9"/>
      <c r="L12" s="9"/>
      <c r="M12" s="9"/>
      <c r="N12" s="9"/>
      <c r="O12" s="9"/>
    </row>
    <row r="13" spans="1:15">
      <c r="A13" s="56" t="s">
        <v>188</v>
      </c>
      <c r="B13" s="6">
        <v>0</v>
      </c>
      <c r="C13" s="6">
        <v>0</v>
      </c>
      <c r="D13" s="6">
        <v>5</v>
      </c>
      <c r="E13" s="6">
        <v>0</v>
      </c>
      <c r="F13" s="6">
        <v>5</v>
      </c>
    </row>
    <row r="14" spans="1:15">
      <c r="A14" s="57"/>
      <c r="B14" s="5">
        <v>0</v>
      </c>
      <c r="C14" s="5">
        <v>0</v>
      </c>
      <c r="D14" s="5">
        <v>1</v>
      </c>
      <c r="E14" s="5">
        <v>0</v>
      </c>
      <c r="F14" s="5">
        <v>1</v>
      </c>
      <c r="H14" s="9"/>
      <c r="I14" s="9"/>
      <c r="J14" s="9"/>
      <c r="K14" s="9"/>
      <c r="L14" s="9"/>
      <c r="M14" s="9"/>
      <c r="N14" s="9"/>
      <c r="O14" s="9"/>
    </row>
    <row r="15" spans="1:15">
      <c r="A15" s="56" t="s">
        <v>171</v>
      </c>
      <c r="B15" s="6">
        <v>1</v>
      </c>
      <c r="C15" s="6">
        <v>2</v>
      </c>
      <c r="D15" s="6">
        <v>1</v>
      </c>
      <c r="E15" s="6">
        <v>2</v>
      </c>
      <c r="F15" s="6">
        <v>6</v>
      </c>
    </row>
    <row r="16" spans="1:15">
      <c r="A16" s="57"/>
      <c r="B16" s="5">
        <v>0.16700000000000001</v>
      </c>
      <c r="C16" s="5">
        <v>0.33300000000000002</v>
      </c>
      <c r="D16" s="5">
        <v>0.16700000000000001</v>
      </c>
      <c r="E16" s="5">
        <v>0.33300000000000002</v>
      </c>
      <c r="F16" s="5">
        <v>1</v>
      </c>
      <c r="H16" s="9"/>
      <c r="I16" s="9"/>
      <c r="J16" s="9"/>
      <c r="K16" s="9"/>
      <c r="L16" s="9"/>
      <c r="M16" s="9"/>
      <c r="N16" s="9"/>
      <c r="O16" s="9"/>
    </row>
    <row r="17" spans="1:15">
      <c r="A17" s="56" t="s">
        <v>29</v>
      </c>
      <c r="B17" s="4">
        <v>670</v>
      </c>
      <c r="C17" s="4">
        <v>1192</v>
      </c>
      <c r="D17" s="4">
        <v>1792</v>
      </c>
      <c r="E17" s="4">
        <v>31</v>
      </c>
      <c r="F17" s="4">
        <v>3685</v>
      </c>
    </row>
    <row r="18" spans="1:15">
      <c r="A18" s="57"/>
      <c r="B18" s="5">
        <v>0.182</v>
      </c>
      <c r="C18" s="5">
        <v>0.32300000000000001</v>
      </c>
      <c r="D18" s="5">
        <v>0.48599999999999999</v>
      </c>
      <c r="E18" s="5">
        <v>8.0000000000000002E-3</v>
      </c>
      <c r="F18" s="5">
        <v>1</v>
      </c>
      <c r="H18" s="9"/>
      <c r="I18" s="9"/>
      <c r="J18" s="9"/>
      <c r="K18" s="9"/>
      <c r="L18" s="9"/>
      <c r="M18" s="9"/>
      <c r="N18" s="9"/>
      <c r="O18" s="9"/>
    </row>
    <row r="19" spans="1:15">
      <c r="A19" s="54" t="s">
        <v>115</v>
      </c>
      <c r="B19" s="54"/>
      <c r="C19" s="54"/>
      <c r="D19" s="54"/>
      <c r="E19" s="54"/>
      <c r="F19" s="54"/>
    </row>
    <row r="20" spans="1:15">
      <c r="A20" s="55"/>
      <c r="B20" s="55"/>
      <c r="C20" s="55"/>
      <c r="D20" s="55"/>
      <c r="E20" s="55"/>
      <c r="F20" s="55"/>
      <c r="K20" s="9"/>
      <c r="L20" s="9"/>
      <c r="M20" s="9"/>
      <c r="N20" s="9"/>
      <c r="O20" s="9"/>
    </row>
    <row r="22" spans="1:15">
      <c r="K22" s="9"/>
      <c r="L22" s="9"/>
      <c r="M22" s="9"/>
      <c r="N22" s="9"/>
      <c r="O22" s="9"/>
    </row>
    <row r="24" spans="1:15">
      <c r="K24" s="9"/>
      <c r="L24" s="9"/>
      <c r="M24" s="9"/>
      <c r="N24" s="9"/>
      <c r="O24" s="9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1:O2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5">
      <c r="A1" s="1" t="s">
        <v>110</v>
      </c>
    </row>
    <row r="2" spans="1:15" ht="14.25" customHeight="1">
      <c r="A2" s="41" t="s">
        <v>812</v>
      </c>
      <c r="C2" s="7"/>
      <c r="D2" s="7"/>
      <c r="E2" s="7"/>
      <c r="F2" s="7"/>
    </row>
    <row r="3" spans="1:15" ht="14.25" customHeight="1">
      <c r="A3" s="60" t="s">
        <v>26</v>
      </c>
      <c r="B3" s="53" t="s">
        <v>111</v>
      </c>
      <c r="C3" s="53"/>
      <c r="D3" s="53"/>
      <c r="E3" s="53"/>
      <c r="F3" s="53"/>
      <c r="G3" s="2"/>
    </row>
    <row r="4" spans="1:15" ht="42.75">
      <c r="A4" s="60"/>
      <c r="B4" s="8" t="s">
        <v>146</v>
      </c>
      <c r="C4" s="8" t="s">
        <v>147</v>
      </c>
      <c r="D4" s="8" t="s">
        <v>148</v>
      </c>
      <c r="E4" s="8" t="s">
        <v>42</v>
      </c>
      <c r="F4" s="8" t="s">
        <v>29</v>
      </c>
    </row>
    <row r="5" spans="1:15">
      <c r="A5" s="56" t="s">
        <v>30</v>
      </c>
      <c r="B5" s="4">
        <v>1362</v>
      </c>
      <c r="C5" s="4">
        <v>40</v>
      </c>
      <c r="D5" s="4">
        <v>4</v>
      </c>
      <c r="E5" s="4">
        <v>0</v>
      </c>
      <c r="F5" s="4">
        <v>1406</v>
      </c>
    </row>
    <row r="6" spans="1:15">
      <c r="A6" s="61"/>
      <c r="B6" s="5">
        <v>0.96899999999999997</v>
      </c>
      <c r="C6" s="5">
        <v>2.8000000000000001E-2</v>
      </c>
      <c r="D6" s="5">
        <v>3.0000000000000001E-3</v>
      </c>
      <c r="E6" s="5">
        <v>0</v>
      </c>
      <c r="F6" s="5">
        <v>1</v>
      </c>
    </row>
    <row r="7" spans="1:15">
      <c r="A7" s="56" t="s">
        <v>31</v>
      </c>
      <c r="B7" s="6">
        <v>743</v>
      </c>
      <c r="C7" s="6">
        <v>20</v>
      </c>
      <c r="D7" s="6">
        <v>1</v>
      </c>
      <c r="E7" s="6">
        <v>1</v>
      </c>
      <c r="F7" s="4">
        <v>765</v>
      </c>
      <c r="K7" s="9"/>
      <c r="L7" s="9"/>
      <c r="M7" s="9"/>
      <c r="N7" s="9"/>
      <c r="O7" s="9"/>
    </row>
    <row r="8" spans="1:15">
      <c r="A8" s="57"/>
      <c r="B8" s="5">
        <v>0.97099999999999997</v>
      </c>
      <c r="C8" s="5">
        <v>2.5999999999999999E-2</v>
      </c>
      <c r="D8" s="5">
        <v>1E-3</v>
      </c>
      <c r="E8" s="5">
        <v>1E-3</v>
      </c>
      <c r="F8" s="5">
        <v>1</v>
      </c>
    </row>
    <row r="9" spans="1:15">
      <c r="A9" s="56" t="s">
        <v>32</v>
      </c>
      <c r="B9" s="6">
        <v>231</v>
      </c>
      <c r="C9" s="6">
        <v>8</v>
      </c>
      <c r="D9" s="6">
        <v>1</v>
      </c>
      <c r="E9" s="6">
        <v>0</v>
      </c>
      <c r="F9" s="6">
        <v>240</v>
      </c>
      <c r="K9" s="9"/>
      <c r="L9" s="9"/>
      <c r="M9" s="9"/>
      <c r="N9" s="9"/>
      <c r="O9" s="9"/>
    </row>
    <row r="10" spans="1:15">
      <c r="A10" s="57"/>
      <c r="B10" s="5">
        <v>0.96299999999999997</v>
      </c>
      <c r="C10" s="5">
        <v>3.3000000000000002E-2</v>
      </c>
      <c r="D10" s="5">
        <v>4.0000000000000001E-3</v>
      </c>
      <c r="E10" s="5">
        <v>0</v>
      </c>
      <c r="F10" s="5">
        <v>1</v>
      </c>
    </row>
    <row r="11" spans="1:15" ht="14.25" customHeight="1">
      <c r="A11" s="58" t="s">
        <v>38</v>
      </c>
      <c r="B11" s="6">
        <v>194</v>
      </c>
      <c r="C11" s="6">
        <v>4</v>
      </c>
      <c r="D11" s="6">
        <v>0</v>
      </c>
      <c r="E11" s="6">
        <v>1</v>
      </c>
      <c r="F11" s="6">
        <v>199</v>
      </c>
      <c r="K11" s="9"/>
      <c r="L11" s="9"/>
      <c r="M11" s="9"/>
      <c r="N11" s="9"/>
      <c r="O11" s="9"/>
    </row>
    <row r="12" spans="1:15">
      <c r="A12" s="59"/>
      <c r="B12" s="5">
        <v>0.97499999999999998</v>
      </c>
      <c r="C12" s="5">
        <v>0.02</v>
      </c>
      <c r="D12" s="5">
        <v>0</v>
      </c>
      <c r="E12" s="5">
        <v>5.0000000000000001E-3</v>
      </c>
      <c r="F12" s="5">
        <v>1</v>
      </c>
    </row>
    <row r="13" spans="1:15">
      <c r="A13" s="56" t="s">
        <v>33</v>
      </c>
      <c r="B13" s="6">
        <v>287</v>
      </c>
      <c r="C13" s="6">
        <v>1</v>
      </c>
      <c r="D13" s="6">
        <v>1</v>
      </c>
      <c r="E13" s="6">
        <v>0</v>
      </c>
      <c r="F13" s="6">
        <v>289</v>
      </c>
      <c r="K13" s="9"/>
      <c r="L13" s="9"/>
      <c r="M13" s="9"/>
      <c r="N13" s="9"/>
      <c r="O13" s="9"/>
    </row>
    <row r="14" spans="1:15">
      <c r="A14" s="57"/>
      <c r="B14" s="5">
        <v>0.99299999999999999</v>
      </c>
      <c r="C14" s="5">
        <v>3.0000000000000001E-3</v>
      </c>
      <c r="D14" s="5">
        <v>3.0000000000000001E-3</v>
      </c>
      <c r="E14" s="5">
        <v>0</v>
      </c>
      <c r="F14" s="5">
        <v>1</v>
      </c>
    </row>
    <row r="15" spans="1:15">
      <c r="A15" s="56" t="s">
        <v>34</v>
      </c>
      <c r="B15" s="6">
        <v>242</v>
      </c>
      <c r="C15" s="6">
        <v>10</v>
      </c>
      <c r="D15" s="6">
        <v>0</v>
      </c>
      <c r="E15" s="6">
        <v>0</v>
      </c>
      <c r="F15" s="6">
        <v>252</v>
      </c>
      <c r="K15" s="9"/>
      <c r="L15" s="9"/>
      <c r="M15" s="9"/>
      <c r="N15" s="9"/>
      <c r="O15" s="9"/>
    </row>
    <row r="16" spans="1:15">
      <c r="A16" s="57"/>
      <c r="B16" s="5">
        <v>0.96</v>
      </c>
      <c r="C16" s="5">
        <v>0.04</v>
      </c>
      <c r="D16" s="5">
        <v>0</v>
      </c>
      <c r="E16" s="5">
        <v>0</v>
      </c>
      <c r="F16" s="5">
        <v>1</v>
      </c>
    </row>
    <row r="17" spans="1:15">
      <c r="A17" s="56" t="s">
        <v>35</v>
      </c>
      <c r="B17" s="6">
        <v>362</v>
      </c>
      <c r="C17" s="6">
        <v>14</v>
      </c>
      <c r="D17" s="6">
        <v>0</v>
      </c>
      <c r="E17" s="6">
        <v>0</v>
      </c>
      <c r="F17" s="6">
        <v>376</v>
      </c>
      <c r="K17" s="9"/>
      <c r="L17" s="9"/>
      <c r="M17" s="9"/>
      <c r="N17" s="9"/>
      <c r="O17" s="9"/>
    </row>
    <row r="18" spans="1:15">
      <c r="A18" s="57"/>
      <c r="B18" s="5">
        <v>0.96299999999999997</v>
      </c>
      <c r="C18" s="5">
        <v>3.6999999999999998E-2</v>
      </c>
      <c r="D18" s="5">
        <v>0</v>
      </c>
      <c r="E18" s="5">
        <v>0</v>
      </c>
      <c r="F18" s="5">
        <v>1</v>
      </c>
    </row>
    <row r="19" spans="1:15">
      <c r="A19" s="56" t="s">
        <v>36</v>
      </c>
      <c r="B19" s="6">
        <v>151</v>
      </c>
      <c r="C19" s="6">
        <v>7</v>
      </c>
      <c r="D19" s="6">
        <v>0</v>
      </c>
      <c r="E19" s="6">
        <v>0</v>
      </c>
      <c r="F19" s="6">
        <v>158</v>
      </c>
      <c r="K19" s="9"/>
      <c r="L19" s="9"/>
      <c r="M19" s="9"/>
      <c r="N19" s="9"/>
      <c r="O19" s="9"/>
    </row>
    <row r="20" spans="1:15">
      <c r="A20" s="57"/>
      <c r="B20" s="5">
        <v>0.95599999999999996</v>
      </c>
      <c r="C20" s="5">
        <v>4.3999999999999997E-2</v>
      </c>
      <c r="D20" s="5">
        <v>0</v>
      </c>
      <c r="E20" s="5">
        <v>0</v>
      </c>
      <c r="F20" s="5">
        <v>1</v>
      </c>
    </row>
    <row r="21" spans="1:15">
      <c r="A21" s="56" t="s">
        <v>29</v>
      </c>
      <c r="B21" s="4">
        <v>3572</v>
      </c>
      <c r="C21" s="4">
        <v>104</v>
      </c>
      <c r="D21" s="4">
        <v>7</v>
      </c>
      <c r="E21" s="4">
        <v>2</v>
      </c>
      <c r="F21" s="4">
        <v>3685</v>
      </c>
      <c r="K21" s="9"/>
      <c r="L21" s="9"/>
      <c r="M21" s="9"/>
      <c r="N21" s="9"/>
      <c r="O21" s="9"/>
    </row>
    <row r="22" spans="1:15">
      <c r="A22" s="57"/>
      <c r="B22" s="5">
        <v>0.96899999999999997</v>
      </c>
      <c r="C22" s="5">
        <v>2.8000000000000001E-2</v>
      </c>
      <c r="D22" s="5">
        <v>2E-3</v>
      </c>
      <c r="E22" s="5">
        <v>1E-3</v>
      </c>
      <c r="F22" s="5">
        <v>1</v>
      </c>
    </row>
    <row r="23" spans="1:15">
      <c r="A23" s="54" t="s">
        <v>105</v>
      </c>
      <c r="B23" s="54"/>
      <c r="C23" s="54"/>
      <c r="D23" s="54"/>
      <c r="E23" s="54"/>
      <c r="F23" s="54"/>
      <c r="K23" s="9"/>
      <c r="L23" s="9"/>
      <c r="M23" s="9"/>
      <c r="N23" s="9"/>
      <c r="O23" s="9"/>
    </row>
    <row r="24" spans="1:15">
      <c r="A24" s="55"/>
      <c r="B24" s="55"/>
      <c r="C24" s="55"/>
      <c r="D24" s="55"/>
      <c r="E24" s="55"/>
      <c r="F24" s="55"/>
    </row>
  </sheetData>
  <mergeCells count="12">
    <mergeCell ref="A23:F24"/>
    <mergeCell ref="A3:A4"/>
    <mergeCell ref="B3:F3"/>
    <mergeCell ref="A5:A6"/>
    <mergeCell ref="A7:A8"/>
    <mergeCell ref="A9:A10"/>
    <mergeCell ref="A11:A12"/>
    <mergeCell ref="A13:A14"/>
    <mergeCell ref="A15:A16"/>
    <mergeCell ref="A17:A18"/>
    <mergeCell ref="A19:A20"/>
    <mergeCell ref="A21:A2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7"/>
  <dimension ref="A1:L2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2">
      <c r="A1" s="1" t="s">
        <v>608</v>
      </c>
    </row>
    <row r="2" spans="1:12" ht="14.25" customHeight="1">
      <c r="A2" s="41" t="s">
        <v>812</v>
      </c>
      <c r="C2" s="7"/>
      <c r="D2" s="7"/>
      <c r="E2" s="7"/>
      <c r="F2" s="7"/>
      <c r="G2" s="7"/>
    </row>
    <row r="3" spans="1:12" ht="14.25" customHeight="1">
      <c r="A3" s="60" t="s">
        <v>183</v>
      </c>
      <c r="B3" s="53" t="s">
        <v>116</v>
      </c>
      <c r="C3" s="53"/>
      <c r="D3" s="53"/>
      <c r="E3" s="53"/>
      <c r="F3" s="53"/>
      <c r="G3" s="53"/>
      <c r="H3" s="2"/>
    </row>
    <row r="4" spans="1:12" ht="28.5">
      <c r="A4" s="60"/>
      <c r="B4" s="8" t="s">
        <v>156</v>
      </c>
      <c r="C4" s="8" t="s">
        <v>157</v>
      </c>
      <c r="D4" s="8" t="s">
        <v>158</v>
      </c>
      <c r="E4" s="8" t="s">
        <v>159</v>
      </c>
      <c r="F4" s="8" t="s">
        <v>42</v>
      </c>
      <c r="G4" s="8" t="s">
        <v>29</v>
      </c>
    </row>
    <row r="5" spans="1:12">
      <c r="A5" s="56" t="s">
        <v>184</v>
      </c>
      <c r="B5" s="4">
        <v>131</v>
      </c>
      <c r="C5" s="4">
        <v>22</v>
      </c>
      <c r="D5" s="4">
        <v>37</v>
      </c>
      <c r="E5" s="4">
        <v>14</v>
      </c>
      <c r="F5" s="4">
        <v>0</v>
      </c>
      <c r="G5" s="4">
        <v>204</v>
      </c>
    </row>
    <row r="6" spans="1:12">
      <c r="A6" s="61"/>
      <c r="B6" s="5">
        <v>0.64200000000000002</v>
      </c>
      <c r="C6" s="5">
        <v>0.108</v>
      </c>
      <c r="D6" s="5">
        <v>0.18099999999999999</v>
      </c>
      <c r="E6" s="5">
        <v>6.9000000000000006E-2</v>
      </c>
      <c r="F6" s="5">
        <v>0</v>
      </c>
      <c r="G6" s="5">
        <v>1</v>
      </c>
    </row>
    <row r="7" spans="1:12">
      <c r="A7" s="56" t="s">
        <v>185</v>
      </c>
      <c r="B7" s="4">
        <v>2687</v>
      </c>
      <c r="C7" s="4">
        <v>244</v>
      </c>
      <c r="D7" s="4">
        <v>412</v>
      </c>
      <c r="E7" s="4">
        <v>104</v>
      </c>
      <c r="F7" s="4">
        <v>18</v>
      </c>
      <c r="G7" s="4">
        <v>3465</v>
      </c>
    </row>
    <row r="8" spans="1:12">
      <c r="A8" s="57"/>
      <c r="B8" s="5">
        <v>0.77500000000000002</v>
      </c>
      <c r="C8" s="5">
        <v>7.0000000000000007E-2</v>
      </c>
      <c r="D8" s="5">
        <v>0.11899999999999999</v>
      </c>
      <c r="E8" s="5">
        <v>0.03</v>
      </c>
      <c r="F8" s="5">
        <v>5.0000000000000001E-3</v>
      </c>
      <c r="G8" s="5">
        <v>1</v>
      </c>
      <c r="I8" s="9"/>
      <c r="J8" s="9"/>
      <c r="K8" s="9"/>
      <c r="L8" s="9"/>
    </row>
    <row r="9" spans="1:12">
      <c r="A9" s="56" t="s">
        <v>186</v>
      </c>
      <c r="B9" s="6">
        <v>0</v>
      </c>
      <c r="C9" s="6">
        <v>0</v>
      </c>
      <c r="D9" s="6">
        <v>0</v>
      </c>
      <c r="E9" s="6">
        <v>1</v>
      </c>
      <c r="F9" s="6">
        <v>0</v>
      </c>
      <c r="G9" s="6">
        <v>1</v>
      </c>
    </row>
    <row r="10" spans="1:12">
      <c r="A10" s="57"/>
      <c r="B10" s="5">
        <v>0</v>
      </c>
      <c r="C10" s="5">
        <v>0</v>
      </c>
      <c r="D10" s="5">
        <v>0</v>
      </c>
      <c r="E10" s="5">
        <v>1</v>
      </c>
      <c r="F10" s="5">
        <v>0</v>
      </c>
      <c r="G10" s="5">
        <v>1</v>
      </c>
      <c r="I10" s="9"/>
      <c r="J10" s="9"/>
      <c r="K10" s="9"/>
      <c r="L10" s="9"/>
    </row>
    <row r="11" spans="1:12" ht="14.25" customHeight="1">
      <c r="A11" s="73" t="s">
        <v>187</v>
      </c>
      <c r="B11" s="6">
        <v>3</v>
      </c>
      <c r="C11" s="6">
        <v>1</v>
      </c>
      <c r="D11" s="6">
        <v>0</v>
      </c>
      <c r="E11" s="6">
        <v>0</v>
      </c>
      <c r="F11" s="6">
        <v>0</v>
      </c>
      <c r="G11" s="6">
        <v>4</v>
      </c>
    </row>
    <row r="12" spans="1:12">
      <c r="A12" s="74"/>
      <c r="B12" s="5">
        <v>0.75</v>
      </c>
      <c r="C12" s="5">
        <v>0.25</v>
      </c>
      <c r="D12" s="5">
        <v>0</v>
      </c>
      <c r="E12" s="5">
        <v>0</v>
      </c>
      <c r="F12" s="5">
        <v>0</v>
      </c>
      <c r="G12" s="5">
        <v>1</v>
      </c>
      <c r="I12" s="9"/>
      <c r="J12" s="9"/>
      <c r="K12" s="9"/>
      <c r="L12" s="9"/>
    </row>
    <row r="13" spans="1:12">
      <c r="A13" s="56" t="s">
        <v>188</v>
      </c>
      <c r="B13" s="6">
        <v>2</v>
      </c>
      <c r="C13" s="6">
        <v>1</v>
      </c>
      <c r="D13" s="6">
        <v>2</v>
      </c>
      <c r="E13" s="6">
        <v>0</v>
      </c>
      <c r="F13" s="6">
        <v>0</v>
      </c>
      <c r="G13" s="6">
        <v>5</v>
      </c>
    </row>
    <row r="14" spans="1:12">
      <c r="A14" s="57"/>
      <c r="B14" s="5">
        <v>0.4</v>
      </c>
      <c r="C14" s="5">
        <v>0.2</v>
      </c>
      <c r="D14" s="5">
        <v>0.4</v>
      </c>
      <c r="E14" s="5">
        <v>0</v>
      </c>
      <c r="F14" s="5">
        <v>0</v>
      </c>
      <c r="G14" s="5">
        <v>1</v>
      </c>
      <c r="I14" s="9"/>
      <c r="J14" s="9"/>
      <c r="K14" s="9"/>
      <c r="L14" s="9"/>
    </row>
    <row r="15" spans="1:12">
      <c r="A15" s="56" t="s">
        <v>171</v>
      </c>
      <c r="B15" s="6">
        <v>2</v>
      </c>
      <c r="C15" s="6">
        <v>0</v>
      </c>
      <c r="D15" s="6">
        <v>2</v>
      </c>
      <c r="E15" s="6">
        <v>1</v>
      </c>
      <c r="F15" s="6">
        <v>1</v>
      </c>
      <c r="G15" s="6">
        <v>6</v>
      </c>
    </row>
    <row r="16" spans="1:12">
      <c r="A16" s="57"/>
      <c r="B16" s="5">
        <v>0.33300000000000002</v>
      </c>
      <c r="C16" s="5">
        <v>0</v>
      </c>
      <c r="D16" s="5">
        <v>0.33300000000000002</v>
      </c>
      <c r="E16" s="5">
        <v>0.16700000000000001</v>
      </c>
      <c r="F16" s="5">
        <v>0.16700000000000001</v>
      </c>
      <c r="G16" s="5">
        <v>1</v>
      </c>
      <c r="I16" s="9"/>
      <c r="J16" s="9"/>
      <c r="K16" s="9"/>
      <c r="L16" s="9"/>
    </row>
    <row r="17" spans="1:12">
      <c r="A17" s="56" t="s">
        <v>29</v>
      </c>
      <c r="B17" s="4">
        <v>2825</v>
      </c>
      <c r="C17" s="4">
        <v>268</v>
      </c>
      <c r="D17" s="4">
        <v>453</v>
      </c>
      <c r="E17" s="4">
        <v>120</v>
      </c>
      <c r="F17" s="4">
        <v>19</v>
      </c>
      <c r="G17" s="4">
        <v>3685</v>
      </c>
    </row>
    <row r="18" spans="1:12">
      <c r="A18" s="57"/>
      <c r="B18" s="5">
        <v>0.76700000000000002</v>
      </c>
      <c r="C18" s="5">
        <v>7.2999999999999995E-2</v>
      </c>
      <c r="D18" s="5">
        <v>0.123</v>
      </c>
      <c r="E18" s="5">
        <v>3.3000000000000002E-2</v>
      </c>
      <c r="F18" s="5">
        <v>5.0000000000000001E-3</v>
      </c>
      <c r="G18" s="5">
        <v>1</v>
      </c>
      <c r="I18" s="9"/>
      <c r="J18" s="9"/>
      <c r="K18" s="9"/>
      <c r="L18" s="9"/>
    </row>
    <row r="19" spans="1:12">
      <c r="A19" s="54" t="s">
        <v>119</v>
      </c>
      <c r="B19" s="54"/>
      <c r="C19" s="54"/>
      <c r="D19" s="54"/>
      <c r="E19" s="54"/>
      <c r="F19" s="54"/>
      <c r="G19" s="54"/>
    </row>
    <row r="20" spans="1:12">
      <c r="A20" s="55"/>
      <c r="B20" s="55"/>
      <c r="C20" s="55"/>
      <c r="D20" s="55"/>
      <c r="E20" s="55"/>
      <c r="F20" s="55"/>
      <c r="G20" s="55"/>
      <c r="I20" s="9"/>
      <c r="J20" s="9"/>
      <c r="K20" s="9"/>
      <c r="L20" s="9"/>
    </row>
    <row r="22" spans="1:12">
      <c r="I22" s="9"/>
      <c r="J22" s="9"/>
      <c r="K22" s="9"/>
      <c r="L22" s="9"/>
    </row>
    <row r="24" spans="1:12">
      <c r="I24" s="9"/>
      <c r="J24" s="9"/>
      <c r="K24" s="9"/>
      <c r="L24" s="9"/>
    </row>
  </sheetData>
  <mergeCells count="10">
    <mergeCell ref="A13:A14"/>
    <mergeCell ref="A15:A16"/>
    <mergeCell ref="A17:A18"/>
    <mergeCell ref="A19:G20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8"/>
  <dimension ref="A1:J2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0">
      <c r="A1" s="1" t="s">
        <v>609</v>
      </c>
    </row>
    <row r="2" spans="1:10" ht="14.25" customHeight="1">
      <c r="A2" s="41" t="s">
        <v>812</v>
      </c>
      <c r="C2" s="7"/>
      <c r="D2" s="7"/>
      <c r="E2" s="7"/>
      <c r="F2" s="7"/>
    </row>
    <row r="3" spans="1:10" ht="14.25" customHeight="1">
      <c r="A3" s="60" t="s">
        <v>183</v>
      </c>
      <c r="B3" s="53" t="s">
        <v>117</v>
      </c>
      <c r="C3" s="53"/>
      <c r="D3" s="53"/>
      <c r="E3" s="53"/>
      <c r="F3" s="53"/>
      <c r="G3" s="2"/>
    </row>
    <row r="4" spans="1:10" ht="28.5">
      <c r="A4" s="60"/>
      <c r="B4" s="8" t="s">
        <v>153</v>
      </c>
      <c r="C4" s="8" t="s">
        <v>155</v>
      </c>
      <c r="D4" s="8" t="s">
        <v>49</v>
      </c>
      <c r="E4" s="8" t="s">
        <v>42</v>
      </c>
      <c r="F4" s="8" t="s">
        <v>29</v>
      </c>
    </row>
    <row r="5" spans="1:10">
      <c r="A5" s="56" t="s">
        <v>184</v>
      </c>
      <c r="B5" s="4">
        <v>96</v>
      </c>
      <c r="C5" s="4">
        <v>86</v>
      </c>
      <c r="D5" s="4">
        <v>22</v>
      </c>
      <c r="E5" s="4">
        <v>0</v>
      </c>
      <c r="F5" s="4">
        <v>204</v>
      </c>
    </row>
    <row r="6" spans="1:10">
      <c r="A6" s="61"/>
      <c r="B6" s="5">
        <v>0.47099999999999997</v>
      </c>
      <c r="C6" s="5">
        <v>0.42199999999999999</v>
      </c>
      <c r="D6" s="5">
        <v>0.108</v>
      </c>
      <c r="E6" s="5">
        <v>0</v>
      </c>
      <c r="F6" s="5">
        <v>1</v>
      </c>
    </row>
    <row r="7" spans="1:10">
      <c r="A7" s="56" t="s">
        <v>185</v>
      </c>
      <c r="B7" s="4">
        <v>1955</v>
      </c>
      <c r="C7" s="4">
        <v>1391</v>
      </c>
      <c r="D7" s="4">
        <v>98</v>
      </c>
      <c r="E7" s="4">
        <v>21</v>
      </c>
      <c r="F7" s="4">
        <v>3465</v>
      </c>
    </row>
    <row r="8" spans="1:10">
      <c r="A8" s="57"/>
      <c r="B8" s="5">
        <v>0.56399999999999995</v>
      </c>
      <c r="C8" s="5">
        <v>0.40100000000000002</v>
      </c>
      <c r="D8" s="5">
        <v>2.8000000000000001E-2</v>
      </c>
      <c r="E8" s="5">
        <v>6.0000000000000001E-3</v>
      </c>
      <c r="F8" s="5">
        <v>1</v>
      </c>
      <c r="I8" s="9"/>
      <c r="J8" s="9"/>
    </row>
    <row r="9" spans="1:10">
      <c r="A9" s="56" t="s">
        <v>186</v>
      </c>
      <c r="B9" s="6">
        <v>1</v>
      </c>
      <c r="C9" s="6">
        <v>0</v>
      </c>
      <c r="D9" s="6">
        <v>0</v>
      </c>
      <c r="E9" s="6">
        <v>0</v>
      </c>
      <c r="F9" s="6">
        <v>1</v>
      </c>
    </row>
    <row r="10" spans="1:10">
      <c r="A10" s="57"/>
      <c r="B10" s="5">
        <v>1</v>
      </c>
      <c r="C10" s="5">
        <v>0</v>
      </c>
      <c r="D10" s="5">
        <v>0</v>
      </c>
      <c r="E10" s="5">
        <v>0</v>
      </c>
      <c r="F10" s="5">
        <v>1</v>
      </c>
      <c r="I10" s="9"/>
      <c r="J10" s="9"/>
    </row>
    <row r="11" spans="1:10" ht="14.25" customHeight="1">
      <c r="A11" s="73" t="s">
        <v>187</v>
      </c>
      <c r="B11" s="6">
        <v>2</v>
      </c>
      <c r="C11" s="6">
        <v>2</v>
      </c>
      <c r="D11" s="6">
        <v>0</v>
      </c>
      <c r="E11" s="6">
        <v>0</v>
      </c>
      <c r="F11" s="6">
        <v>4</v>
      </c>
    </row>
    <row r="12" spans="1:10">
      <c r="A12" s="74"/>
      <c r="B12" s="5">
        <v>0.5</v>
      </c>
      <c r="C12" s="5">
        <v>0.5</v>
      </c>
      <c r="D12" s="5">
        <v>0</v>
      </c>
      <c r="E12" s="5">
        <v>0</v>
      </c>
      <c r="F12" s="5">
        <v>1</v>
      </c>
      <c r="I12" s="9"/>
      <c r="J12" s="9"/>
    </row>
    <row r="13" spans="1:10">
      <c r="A13" s="56" t="s">
        <v>188</v>
      </c>
      <c r="B13" s="6">
        <v>2</v>
      </c>
      <c r="C13" s="6">
        <v>1</v>
      </c>
      <c r="D13" s="6">
        <v>2</v>
      </c>
      <c r="E13" s="6">
        <v>0</v>
      </c>
      <c r="F13" s="6">
        <v>5</v>
      </c>
    </row>
    <row r="14" spans="1:10">
      <c r="A14" s="57"/>
      <c r="B14" s="5">
        <v>0.4</v>
      </c>
      <c r="C14" s="5">
        <v>0.2</v>
      </c>
      <c r="D14" s="5">
        <v>0.4</v>
      </c>
      <c r="E14" s="5">
        <v>0</v>
      </c>
      <c r="F14" s="5">
        <v>1</v>
      </c>
      <c r="I14" s="9"/>
      <c r="J14" s="9"/>
    </row>
    <row r="15" spans="1:10">
      <c r="A15" s="56" t="s">
        <v>171</v>
      </c>
      <c r="B15" s="6">
        <v>1</v>
      </c>
      <c r="C15" s="6">
        <v>3</v>
      </c>
      <c r="D15" s="6">
        <v>0</v>
      </c>
      <c r="E15" s="6">
        <v>2</v>
      </c>
      <c r="F15" s="6">
        <v>6</v>
      </c>
    </row>
    <row r="16" spans="1:10">
      <c r="A16" s="57"/>
      <c r="B16" s="5">
        <v>0.16700000000000001</v>
      </c>
      <c r="C16" s="5">
        <v>0.5</v>
      </c>
      <c r="D16" s="5">
        <v>0</v>
      </c>
      <c r="E16" s="5">
        <v>0.33300000000000002</v>
      </c>
      <c r="F16" s="5">
        <v>1</v>
      </c>
      <c r="I16" s="9"/>
      <c r="J16" s="9"/>
    </row>
    <row r="17" spans="1:10">
      <c r="A17" s="56" t="s">
        <v>29</v>
      </c>
      <c r="B17" s="4">
        <v>2057</v>
      </c>
      <c r="C17" s="4">
        <v>1483</v>
      </c>
      <c r="D17" s="4">
        <v>122</v>
      </c>
      <c r="E17" s="4">
        <v>23</v>
      </c>
      <c r="F17" s="4">
        <v>3685</v>
      </c>
    </row>
    <row r="18" spans="1:10">
      <c r="A18" s="57"/>
      <c r="B18" s="5">
        <v>0.55800000000000005</v>
      </c>
      <c r="C18" s="5">
        <v>0.40200000000000002</v>
      </c>
      <c r="D18" s="5">
        <v>3.3000000000000002E-2</v>
      </c>
      <c r="E18" s="5">
        <v>6.0000000000000001E-3</v>
      </c>
      <c r="F18" s="5">
        <v>1</v>
      </c>
      <c r="I18" s="9"/>
      <c r="J18" s="9"/>
    </row>
    <row r="19" spans="1:10">
      <c r="A19" s="54" t="s">
        <v>118</v>
      </c>
      <c r="B19" s="54"/>
      <c r="C19" s="54"/>
      <c r="D19" s="54"/>
      <c r="E19" s="54"/>
      <c r="F19" s="54"/>
    </row>
    <row r="20" spans="1:10">
      <c r="A20" s="55"/>
      <c r="B20" s="55"/>
      <c r="C20" s="55"/>
      <c r="D20" s="55"/>
      <c r="E20" s="55"/>
      <c r="F20" s="55"/>
      <c r="I20" s="9"/>
      <c r="J20" s="9"/>
    </row>
    <row r="22" spans="1:10">
      <c r="I22" s="9"/>
      <c r="J22" s="9"/>
    </row>
    <row r="24" spans="1:10">
      <c r="I24" s="9"/>
      <c r="J24" s="9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9"/>
  <dimension ref="A1:M2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3">
      <c r="A1" s="1" t="s">
        <v>610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83</v>
      </c>
      <c r="B3" s="53" t="s">
        <v>120</v>
      </c>
      <c r="C3" s="53"/>
      <c r="D3" s="53"/>
      <c r="E3" s="53"/>
      <c r="F3" s="2"/>
    </row>
    <row r="4" spans="1:13">
      <c r="A4" s="60"/>
      <c r="B4" s="3" t="s">
        <v>153</v>
      </c>
      <c r="C4" s="3" t="s">
        <v>155</v>
      </c>
      <c r="D4" s="3" t="s">
        <v>27</v>
      </c>
      <c r="E4" s="3" t="s">
        <v>28</v>
      </c>
    </row>
    <row r="5" spans="1:13">
      <c r="A5" s="56" t="s">
        <v>184</v>
      </c>
      <c r="B5" s="4">
        <v>118</v>
      </c>
      <c r="C5" s="4">
        <v>86</v>
      </c>
      <c r="D5" s="4">
        <v>0</v>
      </c>
      <c r="E5" s="4">
        <v>204</v>
      </c>
    </row>
    <row r="6" spans="1:13">
      <c r="A6" s="61"/>
      <c r="B6" s="5">
        <v>0.57799999999999996</v>
      </c>
      <c r="C6" s="5">
        <v>0.42199999999999999</v>
      </c>
      <c r="D6" s="5">
        <v>0</v>
      </c>
      <c r="E6" s="5">
        <v>1</v>
      </c>
      <c r="H6" s="9"/>
      <c r="I6" s="9"/>
      <c r="J6" s="9"/>
      <c r="K6" s="9"/>
    </row>
    <row r="7" spans="1:13">
      <c r="A7" s="56" t="s">
        <v>185</v>
      </c>
      <c r="B7" s="4">
        <v>2192</v>
      </c>
      <c r="C7" s="4">
        <v>1264</v>
      </c>
      <c r="D7" s="4">
        <v>9</v>
      </c>
      <c r="E7" s="4">
        <v>3465</v>
      </c>
    </row>
    <row r="8" spans="1:13">
      <c r="A8" s="57"/>
      <c r="B8" s="5">
        <v>0.63300000000000001</v>
      </c>
      <c r="C8" s="5">
        <v>0.36499999999999999</v>
      </c>
      <c r="D8" s="5">
        <v>3.0000000000000001E-3</v>
      </c>
      <c r="E8" s="5">
        <v>1</v>
      </c>
      <c r="H8" s="9"/>
      <c r="I8" s="9"/>
      <c r="J8" s="9"/>
      <c r="K8" s="9"/>
      <c r="L8" s="9"/>
      <c r="M8" s="9"/>
    </row>
    <row r="9" spans="1:13">
      <c r="A9" s="56" t="s">
        <v>186</v>
      </c>
      <c r="B9" s="6">
        <v>1</v>
      </c>
      <c r="C9" s="6">
        <v>0</v>
      </c>
      <c r="D9" s="6">
        <v>0</v>
      </c>
      <c r="E9" s="6">
        <v>1</v>
      </c>
    </row>
    <row r="10" spans="1:13">
      <c r="A10" s="57"/>
      <c r="B10" s="5">
        <v>1</v>
      </c>
      <c r="C10" s="5">
        <v>0</v>
      </c>
      <c r="D10" s="5">
        <v>0</v>
      </c>
      <c r="E10" s="5">
        <v>1</v>
      </c>
      <c r="H10" s="9"/>
      <c r="I10" s="9"/>
      <c r="J10" s="9"/>
      <c r="K10" s="9"/>
      <c r="L10" s="9"/>
      <c r="M10" s="9"/>
    </row>
    <row r="11" spans="1:13" ht="14.25" customHeight="1">
      <c r="A11" s="73" t="s">
        <v>187</v>
      </c>
      <c r="B11" s="6">
        <v>1</v>
      </c>
      <c r="C11" s="6">
        <v>3</v>
      </c>
      <c r="D11" s="6">
        <v>0</v>
      </c>
      <c r="E11" s="6">
        <v>4</v>
      </c>
    </row>
    <row r="12" spans="1:13">
      <c r="A12" s="74"/>
      <c r="B12" s="5">
        <v>0.25</v>
      </c>
      <c r="C12" s="5">
        <v>0.75</v>
      </c>
      <c r="D12" s="5">
        <v>0</v>
      </c>
      <c r="E12" s="5">
        <v>1</v>
      </c>
      <c r="H12" s="9"/>
      <c r="I12" s="9"/>
      <c r="J12" s="9"/>
      <c r="K12" s="9"/>
      <c r="L12" s="9"/>
      <c r="M12" s="9"/>
    </row>
    <row r="13" spans="1:13">
      <c r="A13" s="56" t="s">
        <v>188</v>
      </c>
      <c r="B13" s="6">
        <v>3</v>
      </c>
      <c r="C13" s="6">
        <v>2</v>
      </c>
      <c r="D13" s="6">
        <v>0</v>
      </c>
      <c r="E13" s="6">
        <v>5</v>
      </c>
    </row>
    <row r="14" spans="1:13">
      <c r="A14" s="57"/>
      <c r="B14" s="5">
        <v>0.6</v>
      </c>
      <c r="C14" s="5">
        <v>0.4</v>
      </c>
      <c r="D14" s="5">
        <v>0</v>
      </c>
      <c r="E14" s="5">
        <v>1</v>
      </c>
      <c r="H14" s="9"/>
      <c r="I14" s="9"/>
      <c r="J14" s="9"/>
      <c r="K14" s="9"/>
      <c r="L14" s="9"/>
      <c r="M14" s="9"/>
    </row>
    <row r="15" spans="1:13">
      <c r="A15" s="56" t="s">
        <v>171</v>
      </c>
      <c r="B15" s="6">
        <v>1</v>
      </c>
      <c r="C15" s="6">
        <v>4</v>
      </c>
      <c r="D15" s="6">
        <v>1</v>
      </c>
      <c r="E15" s="6">
        <v>6</v>
      </c>
    </row>
    <row r="16" spans="1:13">
      <c r="A16" s="57"/>
      <c r="B16" s="5">
        <v>0.16700000000000001</v>
      </c>
      <c r="C16" s="5">
        <v>0.66700000000000004</v>
      </c>
      <c r="D16" s="5">
        <v>0.16700000000000001</v>
      </c>
      <c r="E16" s="5">
        <v>1</v>
      </c>
      <c r="H16" s="9"/>
      <c r="I16" s="9"/>
      <c r="J16" s="9"/>
      <c r="K16" s="9"/>
      <c r="L16" s="9"/>
      <c r="M16" s="9"/>
    </row>
    <row r="17" spans="1:13">
      <c r="A17" s="56" t="s">
        <v>29</v>
      </c>
      <c r="B17" s="4">
        <v>2316</v>
      </c>
      <c r="C17" s="4">
        <v>1359</v>
      </c>
      <c r="D17" s="4">
        <v>10</v>
      </c>
      <c r="E17" s="4">
        <v>3685</v>
      </c>
    </row>
    <row r="18" spans="1:13">
      <c r="A18" s="57"/>
      <c r="B18" s="5">
        <v>0.628</v>
      </c>
      <c r="C18" s="5">
        <v>0.36899999999999999</v>
      </c>
      <c r="D18" s="5">
        <v>3.0000000000000001E-3</v>
      </c>
      <c r="E18" s="5">
        <v>1</v>
      </c>
      <c r="H18" s="9"/>
      <c r="I18" s="9"/>
      <c r="J18" s="9"/>
      <c r="K18" s="9"/>
      <c r="L18" s="9"/>
      <c r="M18" s="9"/>
    </row>
    <row r="19" spans="1:13">
      <c r="A19" s="54" t="s">
        <v>121</v>
      </c>
      <c r="B19" s="54"/>
      <c r="C19" s="54"/>
      <c r="D19" s="54"/>
      <c r="E19" s="54"/>
    </row>
    <row r="20" spans="1:13">
      <c r="A20" s="55"/>
      <c r="B20" s="55"/>
      <c r="C20" s="55"/>
      <c r="D20" s="55"/>
      <c r="E20" s="55"/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10">
    <mergeCell ref="A13:A14"/>
    <mergeCell ref="A15:A16"/>
    <mergeCell ref="A17:A18"/>
    <mergeCell ref="A19:E20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37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3" width="9" style="1" customWidth="1"/>
    <col min="4" max="16384" width="9" style="1"/>
  </cols>
  <sheetData>
    <row r="1" spans="1:23">
      <c r="A1" s="1" t="s">
        <v>612</v>
      </c>
    </row>
    <row r="2" spans="1:23" ht="14.25" customHeight="1">
      <c r="A2" s="41" t="s">
        <v>812</v>
      </c>
      <c r="C2" s="7"/>
      <c r="D2" s="7"/>
      <c r="E2" s="7"/>
    </row>
    <row r="3" spans="1:23" ht="60" customHeight="1">
      <c r="A3" s="60" t="s">
        <v>183</v>
      </c>
      <c r="B3" s="62" t="s">
        <v>620</v>
      </c>
      <c r="C3" s="63"/>
      <c r="D3" s="62" t="s">
        <v>241</v>
      </c>
      <c r="E3" s="63"/>
      <c r="F3" s="62" t="s">
        <v>242</v>
      </c>
      <c r="G3" s="64"/>
    </row>
    <row r="4" spans="1:23">
      <c r="A4" s="60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23">
      <c r="A5" s="56" t="s">
        <v>184</v>
      </c>
      <c r="B5" s="4">
        <v>5</v>
      </c>
      <c r="C5" s="4">
        <v>113</v>
      </c>
      <c r="D5" s="4">
        <v>101</v>
      </c>
      <c r="E5" s="4">
        <v>17</v>
      </c>
      <c r="F5" s="4">
        <v>43</v>
      </c>
      <c r="G5" s="4">
        <v>75</v>
      </c>
    </row>
    <row r="6" spans="1:23">
      <c r="A6" s="61"/>
      <c r="B6" s="5">
        <v>4.2000000000000003E-2</v>
      </c>
      <c r="C6" s="5">
        <v>0.95799999999999996</v>
      </c>
      <c r="D6" s="5">
        <v>0.85599999999999998</v>
      </c>
      <c r="E6" s="5">
        <v>0.14399999999999999</v>
      </c>
      <c r="F6" s="5">
        <v>0.36399999999999999</v>
      </c>
      <c r="G6" s="5">
        <v>0.63600000000000001</v>
      </c>
      <c r="M6" s="9"/>
      <c r="N6" s="9"/>
      <c r="O6" s="9"/>
      <c r="Q6" s="9"/>
      <c r="R6" s="9"/>
      <c r="S6" s="9"/>
      <c r="U6" s="9"/>
      <c r="V6" s="9"/>
      <c r="W6" s="9"/>
    </row>
    <row r="7" spans="1:23">
      <c r="A7" s="56" t="s">
        <v>185</v>
      </c>
      <c r="B7" s="4">
        <v>178</v>
      </c>
      <c r="C7" s="4">
        <v>2014</v>
      </c>
      <c r="D7" s="4">
        <v>1749</v>
      </c>
      <c r="E7" s="4">
        <v>443</v>
      </c>
      <c r="F7" s="4">
        <v>713</v>
      </c>
      <c r="G7" s="4">
        <v>1479</v>
      </c>
    </row>
    <row r="8" spans="1:23">
      <c r="A8" s="57"/>
      <c r="B8" s="5">
        <v>8.1000000000000003E-2</v>
      </c>
      <c r="C8" s="5">
        <v>0.91900000000000004</v>
      </c>
      <c r="D8" s="5">
        <v>0.79800000000000004</v>
      </c>
      <c r="E8" s="5">
        <v>0.20200000000000001</v>
      </c>
      <c r="F8" s="5">
        <v>0.32500000000000001</v>
      </c>
      <c r="G8" s="5">
        <v>0.67500000000000004</v>
      </c>
      <c r="M8" s="9"/>
      <c r="N8" s="9"/>
      <c r="O8" s="9"/>
      <c r="Q8" s="9"/>
      <c r="R8" s="9"/>
      <c r="S8" s="9"/>
      <c r="U8" s="9"/>
      <c r="V8" s="9"/>
      <c r="W8" s="9"/>
    </row>
    <row r="9" spans="1:23">
      <c r="A9" s="56" t="s">
        <v>186</v>
      </c>
      <c r="B9" s="6">
        <v>0</v>
      </c>
      <c r="C9" s="6">
        <v>1</v>
      </c>
      <c r="D9" s="6">
        <v>1</v>
      </c>
      <c r="E9" s="6">
        <v>0</v>
      </c>
      <c r="F9" s="6">
        <v>0</v>
      </c>
      <c r="G9" s="6">
        <v>1</v>
      </c>
    </row>
    <row r="10" spans="1:23">
      <c r="A10" s="57"/>
      <c r="B10" s="5">
        <v>0</v>
      </c>
      <c r="C10" s="5">
        <v>1</v>
      </c>
      <c r="D10" s="5">
        <v>1</v>
      </c>
      <c r="E10" s="5">
        <v>0</v>
      </c>
      <c r="F10" s="5">
        <v>0</v>
      </c>
      <c r="G10" s="5">
        <v>1</v>
      </c>
      <c r="M10" s="9"/>
      <c r="N10" s="9"/>
      <c r="O10" s="9"/>
      <c r="Q10" s="9"/>
      <c r="R10" s="9"/>
      <c r="S10" s="9"/>
      <c r="U10" s="9"/>
      <c r="V10" s="9"/>
      <c r="W10" s="9"/>
    </row>
    <row r="11" spans="1:23" ht="14.25" customHeight="1">
      <c r="A11" s="73" t="s">
        <v>187</v>
      </c>
      <c r="B11" s="6">
        <v>0</v>
      </c>
      <c r="C11" s="6">
        <v>1</v>
      </c>
      <c r="D11" s="6">
        <v>1</v>
      </c>
      <c r="E11" s="6">
        <v>0</v>
      </c>
      <c r="F11" s="6">
        <v>1</v>
      </c>
      <c r="G11" s="6">
        <v>0</v>
      </c>
    </row>
    <row r="12" spans="1:23">
      <c r="A12" s="74"/>
      <c r="B12" s="5">
        <v>0</v>
      </c>
      <c r="C12" s="5">
        <v>1</v>
      </c>
      <c r="D12" s="5">
        <v>1</v>
      </c>
      <c r="E12" s="5">
        <v>0</v>
      </c>
      <c r="F12" s="5">
        <v>1</v>
      </c>
      <c r="G12" s="5">
        <v>0</v>
      </c>
      <c r="M12" s="9"/>
      <c r="N12" s="9"/>
      <c r="O12" s="9"/>
      <c r="Q12" s="9"/>
      <c r="R12" s="9"/>
      <c r="S12" s="9"/>
      <c r="U12" s="9"/>
      <c r="V12" s="9"/>
      <c r="W12" s="9"/>
    </row>
    <row r="13" spans="1:23">
      <c r="A13" s="56" t="s">
        <v>188</v>
      </c>
      <c r="B13" s="6">
        <v>0</v>
      </c>
      <c r="C13" s="6">
        <v>3</v>
      </c>
      <c r="D13" s="6">
        <v>2</v>
      </c>
      <c r="E13" s="6">
        <v>1</v>
      </c>
      <c r="F13" s="6">
        <v>0</v>
      </c>
      <c r="G13" s="6">
        <v>3</v>
      </c>
    </row>
    <row r="14" spans="1:23">
      <c r="A14" s="57"/>
      <c r="B14" s="5">
        <v>0</v>
      </c>
      <c r="C14" s="5">
        <v>1</v>
      </c>
      <c r="D14" s="5">
        <v>0.66700000000000004</v>
      </c>
      <c r="E14" s="5">
        <v>0.33300000000000002</v>
      </c>
      <c r="F14" s="5">
        <v>0</v>
      </c>
      <c r="G14" s="5">
        <v>1</v>
      </c>
      <c r="M14" s="9"/>
      <c r="N14" s="9"/>
      <c r="O14" s="9"/>
      <c r="Q14" s="9"/>
      <c r="R14" s="9"/>
      <c r="S14" s="9"/>
      <c r="U14" s="9"/>
      <c r="V14" s="9"/>
      <c r="W14" s="9"/>
    </row>
    <row r="15" spans="1:23">
      <c r="A15" s="56" t="s">
        <v>171</v>
      </c>
      <c r="B15" s="6">
        <v>0</v>
      </c>
      <c r="C15" s="6">
        <v>1</v>
      </c>
      <c r="D15" s="6">
        <v>1</v>
      </c>
      <c r="E15" s="6">
        <v>0</v>
      </c>
      <c r="F15" s="6">
        <v>0</v>
      </c>
      <c r="G15" s="6">
        <v>1</v>
      </c>
    </row>
    <row r="16" spans="1:23">
      <c r="A16" s="57"/>
      <c r="B16" s="5">
        <v>0</v>
      </c>
      <c r="C16" s="5">
        <v>1</v>
      </c>
      <c r="D16" s="5">
        <v>1</v>
      </c>
      <c r="E16" s="5">
        <v>0</v>
      </c>
      <c r="F16" s="5">
        <v>0</v>
      </c>
      <c r="G16" s="5">
        <v>1</v>
      </c>
      <c r="M16" s="9"/>
      <c r="N16" s="9"/>
      <c r="O16" s="9"/>
      <c r="Q16" s="9"/>
      <c r="R16" s="9"/>
      <c r="S16" s="9"/>
      <c r="U16" s="9"/>
      <c r="V16" s="9"/>
      <c r="W16" s="9"/>
    </row>
    <row r="17" spans="1:23">
      <c r="A17" s="56" t="s">
        <v>29</v>
      </c>
      <c r="B17" s="4">
        <v>183</v>
      </c>
      <c r="C17" s="4">
        <v>2133</v>
      </c>
      <c r="D17" s="4">
        <v>1855</v>
      </c>
      <c r="E17" s="4">
        <v>461</v>
      </c>
      <c r="F17" s="4">
        <v>757</v>
      </c>
      <c r="G17" s="4">
        <v>1559</v>
      </c>
    </row>
    <row r="18" spans="1:23">
      <c r="A18" s="57"/>
      <c r="B18" s="5">
        <v>7.9000000000000001E-2</v>
      </c>
      <c r="C18" s="5">
        <v>0.92100000000000004</v>
      </c>
      <c r="D18" s="5">
        <v>0.80100000000000005</v>
      </c>
      <c r="E18" s="5">
        <v>0.19900000000000001</v>
      </c>
      <c r="F18" s="5">
        <v>0.32700000000000001</v>
      </c>
      <c r="G18" s="5">
        <v>0.67300000000000004</v>
      </c>
      <c r="M18" s="9"/>
      <c r="N18" s="9"/>
      <c r="O18" s="9"/>
      <c r="Q18" s="9"/>
      <c r="R18" s="9"/>
      <c r="S18" s="9"/>
      <c r="U18" s="9"/>
      <c r="V18" s="9"/>
      <c r="W18" s="9"/>
    </row>
    <row r="20" spans="1:23" ht="37.5" customHeight="1">
      <c r="A20" s="60" t="s">
        <v>183</v>
      </c>
      <c r="B20" s="62" t="s">
        <v>243</v>
      </c>
      <c r="C20" s="63"/>
      <c r="D20" s="62" t="s">
        <v>244</v>
      </c>
      <c r="E20" s="63"/>
      <c r="F20" s="62" t="s">
        <v>245</v>
      </c>
      <c r="G20" s="64"/>
    </row>
    <row r="21" spans="1:23">
      <c r="A21" s="60"/>
      <c r="B21" s="8" t="s">
        <v>190</v>
      </c>
      <c r="C21" s="8" t="s">
        <v>191</v>
      </c>
      <c r="D21" s="8" t="s">
        <v>190</v>
      </c>
      <c r="E21" s="8" t="s">
        <v>191</v>
      </c>
      <c r="F21" s="8" t="s">
        <v>190</v>
      </c>
      <c r="G21" s="8" t="s">
        <v>191</v>
      </c>
    </row>
    <row r="22" spans="1:23">
      <c r="A22" s="56" t="s">
        <v>184</v>
      </c>
      <c r="B22" s="4">
        <v>62</v>
      </c>
      <c r="C22" s="4">
        <v>56</v>
      </c>
      <c r="D22" s="4">
        <v>3</v>
      </c>
      <c r="E22" s="4">
        <v>115</v>
      </c>
      <c r="F22" s="4">
        <v>7</v>
      </c>
      <c r="G22" s="4">
        <v>111</v>
      </c>
    </row>
    <row r="23" spans="1:23">
      <c r="A23" s="61"/>
      <c r="B23" s="5">
        <v>0.52500000000000002</v>
      </c>
      <c r="C23" s="5">
        <v>0.47499999999999998</v>
      </c>
      <c r="D23" s="5">
        <v>2.5000000000000001E-2</v>
      </c>
      <c r="E23" s="5">
        <v>0.97499999999999998</v>
      </c>
      <c r="F23" s="5">
        <v>5.8999999999999997E-2</v>
      </c>
      <c r="G23" s="5">
        <v>0.94099999999999995</v>
      </c>
      <c r="J23" s="9"/>
      <c r="K23" s="9"/>
      <c r="M23" s="9"/>
      <c r="N23" s="9"/>
      <c r="O23" s="9"/>
      <c r="Q23" s="9"/>
      <c r="R23" s="9"/>
      <c r="S23" s="9"/>
    </row>
    <row r="24" spans="1:23">
      <c r="A24" s="56" t="s">
        <v>185</v>
      </c>
      <c r="B24" s="4">
        <v>1463</v>
      </c>
      <c r="C24" s="4">
        <v>729</v>
      </c>
      <c r="D24" s="4">
        <v>62</v>
      </c>
      <c r="E24" s="4">
        <v>2130</v>
      </c>
      <c r="F24" s="4">
        <v>86</v>
      </c>
      <c r="G24" s="4">
        <v>2106</v>
      </c>
    </row>
    <row r="25" spans="1:23">
      <c r="A25" s="57"/>
      <c r="B25" s="5">
        <v>0.66700000000000004</v>
      </c>
      <c r="C25" s="5">
        <v>0.33300000000000002</v>
      </c>
      <c r="D25" s="5">
        <v>2.8000000000000001E-2</v>
      </c>
      <c r="E25" s="5">
        <v>0.97199999999999998</v>
      </c>
      <c r="F25" s="5">
        <v>3.9E-2</v>
      </c>
      <c r="G25" s="5">
        <v>0.96099999999999997</v>
      </c>
      <c r="J25" s="9"/>
      <c r="K25" s="9"/>
      <c r="M25" s="9"/>
      <c r="N25" s="9"/>
      <c r="O25" s="9"/>
      <c r="Q25" s="9"/>
      <c r="R25" s="9"/>
      <c r="S25" s="9"/>
    </row>
    <row r="26" spans="1:23">
      <c r="A26" s="56" t="s">
        <v>186</v>
      </c>
      <c r="B26" s="6">
        <v>1</v>
      </c>
      <c r="C26" s="6">
        <v>0</v>
      </c>
      <c r="D26" s="6">
        <v>0</v>
      </c>
      <c r="E26" s="6">
        <v>1</v>
      </c>
      <c r="F26" s="6">
        <v>0</v>
      </c>
      <c r="G26" s="6">
        <v>1</v>
      </c>
    </row>
    <row r="27" spans="1:23">
      <c r="A27" s="57"/>
      <c r="B27" s="5">
        <v>1</v>
      </c>
      <c r="C27" s="5">
        <v>0</v>
      </c>
      <c r="D27" s="5">
        <v>0</v>
      </c>
      <c r="E27" s="5">
        <v>1</v>
      </c>
      <c r="F27" s="5">
        <v>0</v>
      </c>
      <c r="G27" s="5">
        <v>1</v>
      </c>
      <c r="J27" s="9"/>
      <c r="K27" s="9"/>
      <c r="M27" s="9"/>
      <c r="N27" s="9"/>
      <c r="O27" s="9"/>
      <c r="Q27" s="9"/>
      <c r="R27" s="9"/>
      <c r="S27" s="9"/>
    </row>
    <row r="28" spans="1:23">
      <c r="A28" s="73" t="s">
        <v>187</v>
      </c>
      <c r="B28" s="6">
        <v>1</v>
      </c>
      <c r="C28" s="6">
        <v>0</v>
      </c>
      <c r="D28" s="6">
        <v>0</v>
      </c>
      <c r="E28" s="6">
        <v>1</v>
      </c>
      <c r="F28" s="6">
        <v>0</v>
      </c>
      <c r="G28" s="6">
        <v>1</v>
      </c>
    </row>
    <row r="29" spans="1:23">
      <c r="A29" s="74"/>
      <c r="B29" s="5">
        <v>1</v>
      </c>
      <c r="C29" s="5">
        <v>0</v>
      </c>
      <c r="D29" s="5">
        <v>0</v>
      </c>
      <c r="E29" s="5">
        <v>1</v>
      </c>
      <c r="F29" s="5">
        <v>0</v>
      </c>
      <c r="G29" s="5">
        <v>1</v>
      </c>
      <c r="J29" s="9"/>
      <c r="K29" s="9"/>
      <c r="M29" s="9"/>
      <c r="N29" s="9"/>
      <c r="O29" s="9"/>
      <c r="Q29" s="9"/>
      <c r="R29" s="9"/>
      <c r="S29" s="9"/>
    </row>
    <row r="30" spans="1:23">
      <c r="A30" s="56" t="s">
        <v>188</v>
      </c>
      <c r="B30" s="6">
        <v>1</v>
      </c>
      <c r="C30" s="6">
        <v>2</v>
      </c>
      <c r="D30" s="6">
        <v>0</v>
      </c>
      <c r="E30" s="6">
        <v>3</v>
      </c>
      <c r="F30" s="6">
        <v>0</v>
      </c>
      <c r="G30" s="6">
        <v>3</v>
      </c>
    </row>
    <row r="31" spans="1:23">
      <c r="A31" s="57"/>
      <c r="B31" s="5">
        <v>0.33300000000000002</v>
      </c>
      <c r="C31" s="5">
        <v>0.66700000000000004</v>
      </c>
      <c r="D31" s="5">
        <v>0</v>
      </c>
      <c r="E31" s="5">
        <v>1</v>
      </c>
      <c r="F31" s="5">
        <v>0</v>
      </c>
      <c r="G31" s="5">
        <v>1</v>
      </c>
      <c r="J31" s="9"/>
      <c r="K31" s="9"/>
      <c r="M31" s="9"/>
      <c r="N31" s="9"/>
      <c r="O31" s="9"/>
      <c r="Q31" s="9"/>
      <c r="R31" s="9"/>
      <c r="S31" s="9"/>
    </row>
    <row r="32" spans="1:23">
      <c r="A32" s="56" t="s">
        <v>171</v>
      </c>
      <c r="B32" s="6">
        <v>0</v>
      </c>
      <c r="C32" s="6">
        <v>1</v>
      </c>
      <c r="D32" s="6">
        <v>0</v>
      </c>
      <c r="E32" s="6">
        <v>1</v>
      </c>
      <c r="F32" s="6">
        <v>0</v>
      </c>
      <c r="G32" s="6">
        <v>1</v>
      </c>
    </row>
    <row r="33" spans="1:19">
      <c r="A33" s="57"/>
      <c r="B33" s="5">
        <v>0</v>
      </c>
      <c r="C33" s="5">
        <v>1</v>
      </c>
      <c r="D33" s="5">
        <v>0</v>
      </c>
      <c r="E33" s="5">
        <v>1</v>
      </c>
      <c r="F33" s="5">
        <v>0</v>
      </c>
      <c r="G33" s="5">
        <v>1</v>
      </c>
      <c r="J33" s="9"/>
      <c r="K33" s="9"/>
      <c r="M33" s="9"/>
      <c r="N33" s="9"/>
      <c r="O33" s="9"/>
      <c r="Q33" s="9"/>
      <c r="R33" s="9"/>
      <c r="S33" s="9"/>
    </row>
    <row r="34" spans="1:19">
      <c r="A34" s="56" t="s">
        <v>29</v>
      </c>
      <c r="B34" s="4">
        <v>1528</v>
      </c>
      <c r="C34" s="4">
        <v>788</v>
      </c>
      <c r="D34" s="4">
        <v>65</v>
      </c>
      <c r="E34" s="4">
        <v>2251</v>
      </c>
      <c r="F34" s="4">
        <v>93</v>
      </c>
      <c r="G34" s="4">
        <v>2223</v>
      </c>
    </row>
    <row r="35" spans="1:19">
      <c r="A35" s="57"/>
      <c r="B35" s="5">
        <v>0.66</v>
      </c>
      <c r="C35" s="5">
        <v>0.34</v>
      </c>
      <c r="D35" s="5">
        <v>2.8000000000000001E-2</v>
      </c>
      <c r="E35" s="5">
        <v>0.97199999999999998</v>
      </c>
      <c r="F35" s="5">
        <v>0.04</v>
      </c>
      <c r="G35" s="5">
        <v>0.96</v>
      </c>
      <c r="J35" s="9"/>
      <c r="K35" s="9"/>
      <c r="M35" s="9"/>
      <c r="N35" s="9"/>
      <c r="O35" s="9"/>
      <c r="Q35" s="9"/>
      <c r="R35" s="9"/>
      <c r="S35" s="9"/>
    </row>
    <row r="36" spans="1:19" ht="14.25" customHeight="1">
      <c r="A36" s="55" t="s">
        <v>615</v>
      </c>
      <c r="B36" s="55"/>
      <c r="C36" s="55"/>
      <c r="D36" s="55"/>
      <c r="E36" s="55"/>
      <c r="F36" s="55"/>
      <c r="G36" s="55"/>
    </row>
    <row r="37" spans="1:19">
      <c r="A37" s="55"/>
      <c r="B37" s="55"/>
      <c r="C37" s="55"/>
      <c r="D37" s="55"/>
      <c r="E37" s="55"/>
      <c r="F37" s="55"/>
      <c r="G37" s="55"/>
    </row>
  </sheetData>
  <mergeCells count="23">
    <mergeCell ref="F3:G3"/>
    <mergeCell ref="D20:E20"/>
    <mergeCell ref="F20:G20"/>
    <mergeCell ref="A3:A4"/>
    <mergeCell ref="B3:C3"/>
    <mergeCell ref="D3:E3"/>
    <mergeCell ref="B20:C20"/>
    <mergeCell ref="A17:A18"/>
    <mergeCell ref="A20:A21"/>
    <mergeCell ref="A5:A6"/>
    <mergeCell ref="A7:A8"/>
    <mergeCell ref="A9:A10"/>
    <mergeCell ref="A11:A12"/>
    <mergeCell ref="A13:A14"/>
    <mergeCell ref="A15:A16"/>
    <mergeCell ref="A36:G37"/>
    <mergeCell ref="A34:A35"/>
    <mergeCell ref="A22:A23"/>
    <mergeCell ref="A24:A25"/>
    <mergeCell ref="A26:A27"/>
    <mergeCell ref="A28:A29"/>
    <mergeCell ref="A30:A31"/>
    <mergeCell ref="A32:A33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3" width="9" style="1" customWidth="1"/>
    <col min="4" max="16384" width="9" style="1"/>
  </cols>
  <sheetData>
    <row r="1" spans="1:14">
      <c r="A1" s="1" t="s">
        <v>611</v>
      </c>
    </row>
    <row r="2" spans="1:14" ht="14.25" customHeight="1">
      <c r="A2" s="41" t="s">
        <v>812</v>
      </c>
      <c r="C2" s="7"/>
      <c r="D2" s="7"/>
      <c r="E2" s="7"/>
      <c r="F2" s="7"/>
      <c r="G2" s="7"/>
    </row>
    <row r="3" spans="1:14" ht="45" customHeight="1">
      <c r="A3" s="60" t="s">
        <v>183</v>
      </c>
      <c r="B3" s="62" t="s">
        <v>246</v>
      </c>
      <c r="C3" s="63"/>
      <c r="D3" s="62" t="s">
        <v>247</v>
      </c>
      <c r="E3" s="63"/>
      <c r="F3" s="62" t="s">
        <v>248</v>
      </c>
      <c r="G3" s="64"/>
    </row>
    <row r="4" spans="1:14">
      <c r="A4" s="60"/>
      <c r="B4" s="8" t="s">
        <v>190</v>
      </c>
      <c r="C4" s="8" t="s">
        <v>191</v>
      </c>
      <c r="D4" s="8" t="s">
        <v>190</v>
      </c>
      <c r="E4" s="8" t="s">
        <v>191</v>
      </c>
      <c r="F4" s="8" t="s">
        <v>190</v>
      </c>
      <c r="G4" s="8" t="s">
        <v>191</v>
      </c>
    </row>
    <row r="5" spans="1:14">
      <c r="A5" s="56" t="s">
        <v>184</v>
      </c>
      <c r="B5" s="4">
        <v>9</v>
      </c>
      <c r="C5" s="4">
        <v>109</v>
      </c>
      <c r="D5" s="4">
        <v>1</v>
      </c>
      <c r="E5" s="4">
        <v>117</v>
      </c>
      <c r="F5" s="4">
        <v>2</v>
      </c>
      <c r="G5" s="4">
        <v>116</v>
      </c>
    </row>
    <row r="6" spans="1:14">
      <c r="A6" s="61"/>
      <c r="B6" s="5">
        <v>7.5999999999999998E-2</v>
      </c>
      <c r="C6" s="5">
        <v>0.92400000000000004</v>
      </c>
      <c r="D6" s="5">
        <v>8.0000000000000002E-3</v>
      </c>
      <c r="E6" s="5">
        <v>0.99199999999999999</v>
      </c>
      <c r="F6" s="5">
        <v>1.7000000000000001E-2</v>
      </c>
      <c r="G6" s="5">
        <v>0.98299999999999998</v>
      </c>
      <c r="H6" s="9"/>
      <c r="J6" s="9"/>
      <c r="L6" s="9"/>
      <c r="M6" s="9"/>
      <c r="N6" s="9"/>
    </row>
    <row r="7" spans="1:14">
      <c r="A7" s="56" t="s">
        <v>185</v>
      </c>
      <c r="B7" s="4">
        <v>105</v>
      </c>
      <c r="C7" s="4">
        <v>2087</v>
      </c>
      <c r="D7" s="4">
        <v>5</v>
      </c>
      <c r="E7" s="4">
        <v>2187</v>
      </c>
      <c r="F7" s="4">
        <v>41</v>
      </c>
      <c r="G7" s="4">
        <v>2151</v>
      </c>
    </row>
    <row r="8" spans="1:14">
      <c r="A8" s="57"/>
      <c r="B8" s="5">
        <v>4.8000000000000001E-2</v>
      </c>
      <c r="C8" s="5">
        <v>0.95199999999999996</v>
      </c>
      <c r="D8" s="5">
        <v>2E-3</v>
      </c>
      <c r="E8" s="5">
        <v>0.998</v>
      </c>
      <c r="F8" s="5">
        <v>1.9E-2</v>
      </c>
      <c r="G8" s="5">
        <v>0.98099999999999998</v>
      </c>
      <c r="H8" s="9"/>
      <c r="J8" s="9"/>
      <c r="L8" s="9"/>
      <c r="M8" s="9"/>
      <c r="N8" s="9"/>
    </row>
    <row r="9" spans="1:14">
      <c r="A9" s="56" t="s">
        <v>186</v>
      </c>
      <c r="B9" s="6">
        <v>0</v>
      </c>
      <c r="C9" s="6">
        <v>1</v>
      </c>
      <c r="D9" s="6">
        <v>0</v>
      </c>
      <c r="E9" s="6">
        <v>1</v>
      </c>
      <c r="F9" s="6">
        <v>0</v>
      </c>
      <c r="G9" s="6">
        <v>1</v>
      </c>
    </row>
    <row r="10" spans="1:14">
      <c r="A10" s="57"/>
      <c r="B10" s="5">
        <v>0</v>
      </c>
      <c r="C10" s="5">
        <v>1</v>
      </c>
      <c r="D10" s="5">
        <v>0</v>
      </c>
      <c r="E10" s="5">
        <v>1</v>
      </c>
      <c r="F10" s="5">
        <v>0</v>
      </c>
      <c r="G10" s="5">
        <v>1</v>
      </c>
      <c r="H10" s="9"/>
      <c r="J10" s="9"/>
      <c r="L10" s="9"/>
      <c r="M10" s="9"/>
      <c r="N10" s="9"/>
    </row>
    <row r="11" spans="1:14" ht="14.25" customHeight="1">
      <c r="A11" s="73" t="s">
        <v>187</v>
      </c>
      <c r="B11" s="6">
        <v>0</v>
      </c>
      <c r="C11" s="6">
        <v>1</v>
      </c>
      <c r="D11" s="6">
        <v>0</v>
      </c>
      <c r="E11" s="6">
        <v>1</v>
      </c>
      <c r="F11" s="6">
        <v>0</v>
      </c>
      <c r="G11" s="6">
        <v>1</v>
      </c>
    </row>
    <row r="12" spans="1:14">
      <c r="A12" s="74"/>
      <c r="B12" s="5">
        <v>0</v>
      </c>
      <c r="C12" s="5">
        <v>1</v>
      </c>
      <c r="D12" s="5">
        <v>0</v>
      </c>
      <c r="E12" s="5">
        <v>1</v>
      </c>
      <c r="F12" s="5">
        <v>0</v>
      </c>
      <c r="G12" s="5">
        <v>1</v>
      </c>
      <c r="H12" s="9"/>
      <c r="J12" s="9"/>
      <c r="L12" s="9"/>
      <c r="M12" s="9"/>
      <c r="N12" s="9"/>
    </row>
    <row r="13" spans="1:14">
      <c r="A13" s="56" t="s">
        <v>188</v>
      </c>
      <c r="B13" s="6">
        <v>0</v>
      </c>
      <c r="C13" s="6">
        <v>3</v>
      </c>
      <c r="D13" s="6">
        <v>0</v>
      </c>
      <c r="E13" s="6">
        <v>3</v>
      </c>
      <c r="F13" s="6">
        <v>1</v>
      </c>
      <c r="G13" s="6">
        <v>2</v>
      </c>
    </row>
    <row r="14" spans="1:14">
      <c r="A14" s="57"/>
      <c r="B14" s="5">
        <v>0</v>
      </c>
      <c r="C14" s="5">
        <v>1</v>
      </c>
      <c r="D14" s="5">
        <v>0</v>
      </c>
      <c r="E14" s="5">
        <v>1</v>
      </c>
      <c r="F14" s="5">
        <v>0.33300000000000002</v>
      </c>
      <c r="G14" s="5">
        <v>0.66700000000000004</v>
      </c>
      <c r="H14" s="9"/>
      <c r="J14" s="9"/>
      <c r="L14" s="9"/>
      <c r="M14" s="9"/>
      <c r="N14" s="9"/>
    </row>
    <row r="15" spans="1:14">
      <c r="A15" s="56" t="s">
        <v>171</v>
      </c>
      <c r="B15" s="6">
        <v>0</v>
      </c>
      <c r="C15" s="6">
        <v>1</v>
      </c>
      <c r="D15" s="6">
        <v>0</v>
      </c>
      <c r="E15" s="6">
        <v>1</v>
      </c>
      <c r="F15" s="6">
        <v>0</v>
      </c>
      <c r="G15" s="6">
        <v>1</v>
      </c>
    </row>
    <row r="16" spans="1:14">
      <c r="A16" s="57"/>
      <c r="B16" s="5">
        <v>0</v>
      </c>
      <c r="C16" s="5">
        <v>1</v>
      </c>
      <c r="D16" s="5">
        <v>0</v>
      </c>
      <c r="E16" s="5">
        <v>1</v>
      </c>
      <c r="F16" s="5">
        <v>0</v>
      </c>
      <c r="G16" s="5">
        <v>1</v>
      </c>
      <c r="H16" s="9"/>
      <c r="J16" s="9"/>
      <c r="L16" s="9"/>
      <c r="M16" s="9"/>
      <c r="N16" s="9"/>
    </row>
    <row r="17" spans="1:14">
      <c r="A17" s="56" t="s">
        <v>29</v>
      </c>
      <c r="B17" s="4">
        <v>114</v>
      </c>
      <c r="C17" s="4">
        <v>2202</v>
      </c>
      <c r="D17" s="4">
        <v>6</v>
      </c>
      <c r="E17" s="4">
        <v>2310</v>
      </c>
      <c r="F17" s="4">
        <v>44</v>
      </c>
      <c r="G17" s="4">
        <v>2272</v>
      </c>
    </row>
    <row r="18" spans="1:14">
      <c r="A18" s="57"/>
      <c r="B18" s="5">
        <v>4.9000000000000002E-2</v>
      </c>
      <c r="C18" s="5">
        <v>0.95099999999999996</v>
      </c>
      <c r="D18" s="5">
        <v>3.0000000000000001E-3</v>
      </c>
      <c r="E18" s="5">
        <v>0.997</v>
      </c>
      <c r="F18" s="5">
        <v>1.9E-2</v>
      </c>
      <c r="G18" s="5">
        <v>0.98099999999999998</v>
      </c>
      <c r="H18" s="9"/>
      <c r="J18" s="9"/>
      <c r="L18" s="9"/>
      <c r="M18" s="9"/>
      <c r="N18" s="9"/>
    </row>
    <row r="19" spans="1:14" ht="14.25" customHeight="1">
      <c r="A19" s="55" t="s">
        <v>615</v>
      </c>
      <c r="B19" s="55"/>
      <c r="C19" s="55"/>
      <c r="D19" s="55"/>
      <c r="E19" s="55"/>
      <c r="F19" s="55"/>
      <c r="G19" s="55"/>
    </row>
    <row r="20" spans="1:14">
      <c r="A20" s="55"/>
      <c r="B20" s="55"/>
      <c r="C20" s="55"/>
      <c r="D20" s="55"/>
      <c r="E20" s="55"/>
      <c r="F20" s="55"/>
      <c r="G20" s="55"/>
    </row>
  </sheetData>
  <mergeCells count="12">
    <mergeCell ref="F3:G3"/>
    <mergeCell ref="A19:G20"/>
    <mergeCell ref="D3:E3"/>
    <mergeCell ref="A17:A18"/>
    <mergeCell ref="A5:A6"/>
    <mergeCell ref="A7:A8"/>
    <mergeCell ref="A9:A10"/>
    <mergeCell ref="A11:A12"/>
    <mergeCell ref="A15:A16"/>
    <mergeCell ref="B3:C3"/>
    <mergeCell ref="A3:A4"/>
    <mergeCell ref="A13:A14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0"/>
  <dimension ref="A1:M2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3">
      <c r="A1" s="1" t="s">
        <v>613</v>
      </c>
    </row>
    <row r="2" spans="1:13" ht="14.25" customHeight="1">
      <c r="A2" s="41" t="s">
        <v>812</v>
      </c>
      <c r="C2" s="7"/>
      <c r="D2" s="7"/>
      <c r="E2" s="7"/>
    </row>
    <row r="3" spans="1:13" ht="14.25" customHeight="1">
      <c r="A3" s="60" t="s">
        <v>183</v>
      </c>
      <c r="B3" s="53" t="s">
        <v>122</v>
      </c>
      <c r="C3" s="53"/>
      <c r="D3" s="53"/>
      <c r="E3" s="53"/>
      <c r="F3" s="2"/>
    </row>
    <row r="4" spans="1:13" ht="28.5">
      <c r="A4" s="60"/>
      <c r="B4" s="8" t="s">
        <v>160</v>
      </c>
      <c r="C4" s="8" t="s">
        <v>161</v>
      </c>
      <c r="D4" s="3" t="s">
        <v>27</v>
      </c>
      <c r="E4" s="3" t="s">
        <v>28</v>
      </c>
    </row>
    <row r="5" spans="1:13">
      <c r="A5" s="56" t="s">
        <v>184</v>
      </c>
      <c r="B5" s="4">
        <v>104</v>
      </c>
      <c r="C5" s="4">
        <v>100</v>
      </c>
      <c r="D5" s="4">
        <v>0</v>
      </c>
      <c r="E5" s="4">
        <v>204</v>
      </c>
    </row>
    <row r="6" spans="1:13">
      <c r="A6" s="61"/>
      <c r="B6" s="5">
        <v>0.51</v>
      </c>
      <c r="C6" s="5">
        <v>0.49</v>
      </c>
      <c r="D6" s="5">
        <v>0</v>
      </c>
      <c r="E6" s="5">
        <v>1</v>
      </c>
      <c r="H6" s="9"/>
      <c r="I6" s="9"/>
      <c r="J6" s="9"/>
      <c r="K6" s="9"/>
    </row>
    <row r="7" spans="1:13">
      <c r="A7" s="56" t="s">
        <v>185</v>
      </c>
      <c r="B7" s="4">
        <v>1921</v>
      </c>
      <c r="C7" s="4">
        <v>1531</v>
      </c>
      <c r="D7" s="4">
        <v>13</v>
      </c>
      <c r="E7" s="4">
        <v>3465</v>
      </c>
    </row>
    <row r="8" spans="1:13">
      <c r="A8" s="57"/>
      <c r="B8" s="5">
        <v>0.55400000000000005</v>
      </c>
      <c r="C8" s="5">
        <v>0.442</v>
      </c>
      <c r="D8" s="5">
        <v>4.0000000000000001E-3</v>
      </c>
      <c r="E8" s="5">
        <v>1</v>
      </c>
      <c r="H8" s="9"/>
      <c r="I8" s="9"/>
      <c r="J8" s="9"/>
      <c r="K8" s="9"/>
      <c r="L8" s="9"/>
      <c r="M8" s="9"/>
    </row>
    <row r="9" spans="1:13">
      <c r="A9" s="56" t="s">
        <v>186</v>
      </c>
      <c r="B9" s="6">
        <v>0</v>
      </c>
      <c r="C9" s="6">
        <v>1</v>
      </c>
      <c r="D9" s="6">
        <v>0</v>
      </c>
      <c r="E9" s="6">
        <v>1</v>
      </c>
    </row>
    <row r="10" spans="1:13">
      <c r="A10" s="57"/>
      <c r="B10" s="5">
        <v>0</v>
      </c>
      <c r="C10" s="5">
        <v>1</v>
      </c>
      <c r="D10" s="5">
        <v>0</v>
      </c>
      <c r="E10" s="5">
        <v>1</v>
      </c>
      <c r="H10" s="9"/>
      <c r="I10" s="9"/>
      <c r="J10" s="9"/>
      <c r="K10" s="9"/>
      <c r="L10" s="9"/>
      <c r="M10" s="9"/>
    </row>
    <row r="11" spans="1:13" ht="14.25" customHeight="1">
      <c r="A11" s="73" t="s">
        <v>187</v>
      </c>
      <c r="B11" s="6">
        <v>1</v>
      </c>
      <c r="C11" s="6">
        <v>3</v>
      </c>
      <c r="D11" s="6">
        <v>0</v>
      </c>
      <c r="E11" s="6">
        <v>4</v>
      </c>
    </row>
    <row r="12" spans="1:13">
      <c r="A12" s="74"/>
      <c r="B12" s="5">
        <v>0.25</v>
      </c>
      <c r="C12" s="5">
        <v>0.75</v>
      </c>
      <c r="D12" s="5">
        <v>0</v>
      </c>
      <c r="E12" s="5">
        <v>1</v>
      </c>
      <c r="H12" s="9"/>
      <c r="I12" s="9"/>
      <c r="J12" s="9"/>
      <c r="K12" s="9"/>
      <c r="L12" s="9"/>
      <c r="M12" s="9"/>
    </row>
    <row r="13" spans="1:13">
      <c r="A13" s="56" t="s">
        <v>188</v>
      </c>
      <c r="B13" s="6">
        <v>3</v>
      </c>
      <c r="C13" s="6">
        <v>2</v>
      </c>
      <c r="D13" s="6">
        <v>0</v>
      </c>
      <c r="E13" s="6">
        <v>5</v>
      </c>
    </row>
    <row r="14" spans="1:13">
      <c r="A14" s="57"/>
      <c r="B14" s="5">
        <v>0.6</v>
      </c>
      <c r="C14" s="5">
        <v>0.4</v>
      </c>
      <c r="D14" s="5">
        <v>0</v>
      </c>
      <c r="E14" s="5">
        <v>1</v>
      </c>
      <c r="H14" s="9"/>
      <c r="I14" s="9"/>
      <c r="J14" s="9"/>
      <c r="K14" s="9"/>
      <c r="L14" s="9"/>
      <c r="M14" s="9"/>
    </row>
    <row r="15" spans="1:13">
      <c r="A15" s="56" t="s">
        <v>171</v>
      </c>
      <c r="B15" s="6">
        <v>1</v>
      </c>
      <c r="C15" s="6">
        <v>3</v>
      </c>
      <c r="D15" s="6">
        <v>2</v>
      </c>
      <c r="E15" s="6">
        <v>6</v>
      </c>
    </row>
    <row r="16" spans="1:13">
      <c r="A16" s="57"/>
      <c r="B16" s="5">
        <v>0.16700000000000001</v>
      </c>
      <c r="C16" s="5">
        <v>0.5</v>
      </c>
      <c r="D16" s="5">
        <v>0.33300000000000002</v>
      </c>
      <c r="E16" s="5">
        <v>1</v>
      </c>
      <c r="H16" s="9"/>
      <c r="I16" s="9"/>
      <c r="J16" s="9"/>
      <c r="K16" s="9"/>
      <c r="L16" s="9"/>
      <c r="M16" s="9"/>
    </row>
    <row r="17" spans="1:13">
      <c r="A17" s="56" t="s">
        <v>29</v>
      </c>
      <c r="B17" s="4">
        <v>2030</v>
      </c>
      <c r="C17" s="4">
        <v>1640</v>
      </c>
      <c r="D17" s="4">
        <v>15</v>
      </c>
      <c r="E17" s="4">
        <v>3685</v>
      </c>
    </row>
    <row r="18" spans="1:13">
      <c r="A18" s="57"/>
      <c r="B18" s="5">
        <v>0.55100000000000005</v>
      </c>
      <c r="C18" s="5">
        <v>0.44500000000000001</v>
      </c>
      <c r="D18" s="5">
        <v>4.0000000000000001E-3</v>
      </c>
      <c r="E18" s="5">
        <v>1</v>
      </c>
      <c r="H18" s="9"/>
      <c r="I18" s="9"/>
      <c r="J18" s="9"/>
      <c r="K18" s="9"/>
      <c r="L18" s="9"/>
      <c r="M18" s="9"/>
    </row>
    <row r="19" spans="1:13">
      <c r="A19" s="54" t="s">
        <v>123</v>
      </c>
      <c r="B19" s="54"/>
      <c r="C19" s="54"/>
      <c r="D19" s="54"/>
      <c r="E19" s="54"/>
    </row>
    <row r="20" spans="1:13">
      <c r="A20" s="55"/>
      <c r="B20" s="55"/>
      <c r="C20" s="55"/>
      <c r="D20" s="55"/>
      <c r="E20" s="55"/>
      <c r="J20" s="9"/>
      <c r="K20" s="9"/>
      <c r="L20" s="9"/>
      <c r="M20" s="9"/>
    </row>
    <row r="22" spans="1:13">
      <c r="J22" s="9"/>
      <c r="K22" s="9"/>
      <c r="L22" s="9"/>
      <c r="M22" s="9"/>
    </row>
    <row r="24" spans="1:13">
      <c r="J24" s="9"/>
      <c r="K24" s="9"/>
      <c r="L24" s="9"/>
      <c r="M24" s="9"/>
    </row>
  </sheetData>
  <mergeCells count="10">
    <mergeCell ref="A13:A14"/>
    <mergeCell ref="A15:A16"/>
    <mergeCell ref="A17:A18"/>
    <mergeCell ref="A19:E20"/>
    <mergeCell ref="A3:A4"/>
    <mergeCell ref="B3:E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1"/>
  <dimension ref="A1:Q24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7">
      <c r="A1" s="1" t="s">
        <v>614</v>
      </c>
    </row>
    <row r="2" spans="1:17" ht="14.25" customHeight="1">
      <c r="A2" s="41" t="s">
        <v>812</v>
      </c>
      <c r="C2" s="7"/>
      <c r="D2" s="7"/>
      <c r="E2" s="7"/>
      <c r="F2" s="7"/>
      <c r="G2" s="7"/>
    </row>
    <row r="3" spans="1:17" ht="14.25" customHeight="1">
      <c r="A3" s="60" t="s">
        <v>183</v>
      </c>
      <c r="B3" s="53" t="s">
        <v>126</v>
      </c>
      <c r="C3" s="53"/>
      <c r="D3" s="53"/>
      <c r="E3" s="53"/>
      <c r="F3" s="53"/>
      <c r="G3" s="53"/>
      <c r="H3" s="2"/>
    </row>
    <row r="4" spans="1:17" ht="28.5">
      <c r="A4" s="60"/>
      <c r="B4" s="8" t="s">
        <v>162</v>
      </c>
      <c r="C4" s="8" t="s">
        <v>163</v>
      </c>
      <c r="D4" s="8" t="s">
        <v>138</v>
      </c>
      <c r="E4" s="8" t="s">
        <v>164</v>
      </c>
      <c r="F4" s="8" t="s">
        <v>42</v>
      </c>
      <c r="G4" s="8" t="s">
        <v>29</v>
      </c>
    </row>
    <row r="5" spans="1:17">
      <c r="A5" s="56" t="s">
        <v>184</v>
      </c>
      <c r="B5" s="4">
        <v>33</v>
      </c>
      <c r="C5" s="4">
        <v>68</v>
      </c>
      <c r="D5" s="4">
        <v>53</v>
      </c>
      <c r="E5" s="4">
        <v>40</v>
      </c>
      <c r="F5" s="4">
        <v>10</v>
      </c>
      <c r="G5" s="4">
        <v>204</v>
      </c>
    </row>
    <row r="6" spans="1:17">
      <c r="A6" s="61"/>
      <c r="B6" s="5">
        <v>0.16200000000000001</v>
      </c>
      <c r="C6" s="5">
        <v>0.33300000000000002</v>
      </c>
      <c r="D6" s="5">
        <v>0.26</v>
      </c>
      <c r="E6" s="5">
        <v>0.19600000000000001</v>
      </c>
      <c r="F6" s="5">
        <v>4.9000000000000002E-2</v>
      </c>
      <c r="G6" s="5">
        <v>1</v>
      </c>
      <c r="I6" s="9"/>
      <c r="J6" s="9"/>
      <c r="K6" s="9"/>
      <c r="L6" s="9"/>
      <c r="M6" s="9"/>
      <c r="N6" s="9"/>
    </row>
    <row r="7" spans="1:17">
      <c r="A7" s="56" t="s">
        <v>185</v>
      </c>
      <c r="B7" s="4">
        <v>560</v>
      </c>
      <c r="C7" s="4">
        <v>1187</v>
      </c>
      <c r="D7" s="4">
        <v>1021</v>
      </c>
      <c r="E7" s="4">
        <v>589</v>
      </c>
      <c r="F7" s="4">
        <v>108</v>
      </c>
      <c r="G7" s="4">
        <v>3465</v>
      </c>
    </row>
    <row r="8" spans="1:17">
      <c r="A8" s="57"/>
      <c r="B8" s="5">
        <v>0.16200000000000001</v>
      </c>
      <c r="C8" s="5">
        <v>0.34300000000000003</v>
      </c>
      <c r="D8" s="5">
        <v>0.29499999999999998</v>
      </c>
      <c r="E8" s="5">
        <v>0.17</v>
      </c>
      <c r="F8" s="5">
        <v>3.1E-2</v>
      </c>
      <c r="G8" s="5">
        <v>1</v>
      </c>
      <c r="I8" s="9"/>
      <c r="J8" s="9"/>
      <c r="K8" s="9"/>
      <c r="L8" s="9"/>
      <c r="M8" s="9"/>
      <c r="N8" s="9"/>
      <c r="O8" s="9"/>
      <c r="P8" s="9"/>
      <c r="Q8" s="9"/>
    </row>
    <row r="9" spans="1:17">
      <c r="A9" s="56" t="s">
        <v>186</v>
      </c>
      <c r="B9" s="6">
        <v>0</v>
      </c>
      <c r="C9" s="6">
        <v>1</v>
      </c>
      <c r="D9" s="6">
        <v>0</v>
      </c>
      <c r="E9" s="6">
        <v>0</v>
      </c>
      <c r="F9" s="6">
        <v>0</v>
      </c>
      <c r="G9" s="6">
        <v>1</v>
      </c>
    </row>
    <row r="10" spans="1:17">
      <c r="A10" s="57"/>
      <c r="B10" s="5">
        <v>0</v>
      </c>
      <c r="C10" s="5">
        <v>1</v>
      </c>
      <c r="D10" s="5">
        <v>0</v>
      </c>
      <c r="E10" s="5">
        <v>0</v>
      </c>
      <c r="F10" s="5">
        <v>0</v>
      </c>
      <c r="G10" s="5">
        <v>1</v>
      </c>
      <c r="I10" s="9"/>
      <c r="J10" s="9"/>
      <c r="K10" s="9"/>
      <c r="L10" s="9"/>
      <c r="M10" s="9"/>
      <c r="N10" s="9"/>
      <c r="O10" s="9"/>
      <c r="P10" s="9"/>
      <c r="Q10" s="9"/>
    </row>
    <row r="11" spans="1:17" ht="14.25" customHeight="1">
      <c r="A11" s="73" t="s">
        <v>187</v>
      </c>
      <c r="B11" s="6">
        <v>1</v>
      </c>
      <c r="C11" s="6">
        <v>1</v>
      </c>
      <c r="D11" s="6">
        <v>0</v>
      </c>
      <c r="E11" s="6">
        <v>2</v>
      </c>
      <c r="F11" s="6">
        <v>0</v>
      </c>
      <c r="G11" s="6">
        <v>4</v>
      </c>
    </row>
    <row r="12" spans="1:17">
      <c r="A12" s="74"/>
      <c r="B12" s="5">
        <v>0.25</v>
      </c>
      <c r="C12" s="5">
        <v>0.25</v>
      </c>
      <c r="D12" s="5">
        <v>0</v>
      </c>
      <c r="E12" s="5">
        <v>0.5</v>
      </c>
      <c r="F12" s="5">
        <v>0</v>
      </c>
      <c r="G12" s="5">
        <v>1</v>
      </c>
      <c r="I12" s="9"/>
      <c r="J12" s="9"/>
      <c r="K12" s="9"/>
      <c r="L12" s="9"/>
      <c r="M12" s="9"/>
      <c r="N12" s="9"/>
      <c r="O12" s="9"/>
      <c r="P12" s="9"/>
      <c r="Q12" s="9"/>
    </row>
    <row r="13" spans="1:17">
      <c r="A13" s="56" t="s">
        <v>188</v>
      </c>
      <c r="B13" s="6">
        <v>0</v>
      </c>
      <c r="C13" s="6">
        <v>2</v>
      </c>
      <c r="D13" s="6">
        <v>3</v>
      </c>
      <c r="E13" s="6">
        <v>0</v>
      </c>
      <c r="F13" s="6">
        <v>0</v>
      </c>
      <c r="G13" s="6">
        <v>5</v>
      </c>
    </row>
    <row r="14" spans="1:17">
      <c r="A14" s="57"/>
      <c r="B14" s="5">
        <v>0</v>
      </c>
      <c r="C14" s="5">
        <v>0.4</v>
      </c>
      <c r="D14" s="5">
        <v>0.6</v>
      </c>
      <c r="E14" s="5">
        <v>0</v>
      </c>
      <c r="F14" s="5">
        <v>0</v>
      </c>
      <c r="G14" s="5">
        <v>1</v>
      </c>
      <c r="I14" s="9"/>
      <c r="J14" s="9"/>
      <c r="K14" s="9"/>
      <c r="L14" s="9"/>
      <c r="M14" s="9"/>
      <c r="N14" s="9"/>
      <c r="O14" s="9"/>
      <c r="P14" s="9"/>
      <c r="Q14" s="9"/>
    </row>
    <row r="15" spans="1:17">
      <c r="A15" s="56" t="s">
        <v>171</v>
      </c>
      <c r="B15" s="6">
        <v>0</v>
      </c>
      <c r="C15" s="6">
        <v>0</v>
      </c>
      <c r="D15" s="6">
        <v>1</v>
      </c>
      <c r="E15" s="6">
        <v>0</v>
      </c>
      <c r="F15" s="6">
        <v>5</v>
      </c>
      <c r="G15" s="6">
        <v>6</v>
      </c>
    </row>
    <row r="16" spans="1:17">
      <c r="A16" s="57"/>
      <c r="B16" s="5">
        <v>0</v>
      </c>
      <c r="C16" s="5">
        <v>0</v>
      </c>
      <c r="D16" s="5">
        <v>0.16700000000000001</v>
      </c>
      <c r="E16" s="5">
        <v>0</v>
      </c>
      <c r="F16" s="5">
        <v>0.83299999999999996</v>
      </c>
      <c r="G16" s="5">
        <v>1</v>
      </c>
      <c r="I16" s="9"/>
      <c r="J16" s="9"/>
      <c r="K16" s="9"/>
      <c r="L16" s="9"/>
      <c r="M16" s="9"/>
      <c r="N16" s="9"/>
      <c r="O16" s="9"/>
      <c r="P16" s="9"/>
      <c r="Q16" s="9"/>
    </row>
    <row r="17" spans="1:17">
      <c r="A17" s="56" t="s">
        <v>29</v>
      </c>
      <c r="B17" s="4">
        <v>594</v>
      </c>
      <c r="C17" s="4">
        <v>1259</v>
      </c>
      <c r="D17" s="4">
        <v>1078</v>
      </c>
      <c r="E17" s="4">
        <v>631</v>
      </c>
      <c r="F17" s="4">
        <v>123</v>
      </c>
      <c r="G17" s="4">
        <v>3685</v>
      </c>
    </row>
    <row r="18" spans="1:17">
      <c r="A18" s="57"/>
      <c r="B18" s="5">
        <v>0.161</v>
      </c>
      <c r="C18" s="5">
        <v>0.34200000000000003</v>
      </c>
      <c r="D18" s="5">
        <v>0.29299999999999998</v>
      </c>
      <c r="E18" s="5">
        <v>0.17100000000000001</v>
      </c>
      <c r="F18" s="5">
        <v>3.3000000000000002E-2</v>
      </c>
      <c r="G18" s="5">
        <v>1</v>
      </c>
      <c r="I18" s="9"/>
      <c r="J18" s="9"/>
      <c r="K18" s="9"/>
      <c r="L18" s="9"/>
      <c r="M18" s="9"/>
      <c r="N18" s="9"/>
      <c r="O18" s="9"/>
      <c r="P18" s="9"/>
      <c r="Q18" s="9"/>
    </row>
    <row r="19" spans="1:17">
      <c r="A19" s="54" t="s">
        <v>127</v>
      </c>
      <c r="B19" s="54"/>
      <c r="C19" s="54"/>
      <c r="D19" s="54"/>
      <c r="E19" s="54"/>
      <c r="F19" s="54"/>
      <c r="G19" s="54"/>
    </row>
    <row r="20" spans="1:17">
      <c r="A20" s="55"/>
      <c r="B20" s="55"/>
      <c r="C20" s="55"/>
      <c r="D20" s="55"/>
      <c r="E20" s="55"/>
      <c r="F20" s="55"/>
      <c r="G20" s="55"/>
      <c r="L20" s="9"/>
      <c r="M20" s="9"/>
      <c r="N20" s="9"/>
      <c r="O20" s="9"/>
      <c r="P20" s="9"/>
      <c r="Q20" s="9"/>
    </row>
    <row r="22" spans="1:17">
      <c r="L22" s="9"/>
      <c r="M22" s="9"/>
      <c r="N22" s="9"/>
      <c r="O22" s="9"/>
      <c r="P22" s="9"/>
      <c r="Q22" s="9"/>
    </row>
    <row r="24" spans="1:17">
      <c r="L24" s="9"/>
      <c r="M24" s="9"/>
      <c r="N24" s="9"/>
      <c r="O24" s="9"/>
      <c r="P24" s="9"/>
      <c r="Q24" s="9"/>
    </row>
  </sheetData>
  <mergeCells count="10">
    <mergeCell ref="A13:A14"/>
    <mergeCell ref="A15:A16"/>
    <mergeCell ref="A17:A18"/>
    <mergeCell ref="A19:G20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2"/>
  <dimension ref="A1:M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3">
      <c r="A1" s="1" t="s">
        <v>621</v>
      </c>
    </row>
    <row r="2" spans="1:13" ht="14.25" customHeight="1">
      <c r="A2" s="41" t="s">
        <v>812</v>
      </c>
      <c r="C2" s="7"/>
      <c r="D2" s="7"/>
      <c r="E2" s="7"/>
      <c r="F2" s="7"/>
    </row>
    <row r="3" spans="1:13" ht="14.25" customHeight="1">
      <c r="A3" s="60" t="s">
        <v>183</v>
      </c>
      <c r="B3" s="53" t="s">
        <v>128</v>
      </c>
      <c r="C3" s="53"/>
      <c r="D3" s="53"/>
      <c r="E3" s="53"/>
      <c r="F3" s="53"/>
      <c r="G3" s="2"/>
    </row>
    <row r="4" spans="1:13" ht="28.5">
      <c r="A4" s="60"/>
      <c r="B4" s="8" t="s">
        <v>153</v>
      </c>
      <c r="C4" s="8" t="s">
        <v>155</v>
      </c>
      <c r="D4" s="8" t="s">
        <v>159</v>
      </c>
      <c r="E4" s="8" t="s">
        <v>42</v>
      </c>
      <c r="F4" s="8" t="s">
        <v>29</v>
      </c>
    </row>
    <row r="5" spans="1:13">
      <c r="A5" s="56" t="s">
        <v>184</v>
      </c>
      <c r="B5" s="4">
        <v>12</v>
      </c>
      <c r="C5" s="4">
        <v>161</v>
      </c>
      <c r="D5" s="4">
        <v>31</v>
      </c>
      <c r="E5" s="4">
        <v>0</v>
      </c>
      <c r="F5" s="4">
        <v>204</v>
      </c>
    </row>
    <row r="6" spans="1:13">
      <c r="A6" s="61"/>
      <c r="B6" s="5">
        <v>5.8999999999999997E-2</v>
      </c>
      <c r="C6" s="5">
        <v>0.78900000000000003</v>
      </c>
      <c r="D6" s="5">
        <v>0.152</v>
      </c>
      <c r="E6" s="5">
        <v>0</v>
      </c>
      <c r="F6" s="5">
        <v>1</v>
      </c>
      <c r="I6" s="9"/>
      <c r="J6" s="9"/>
      <c r="K6" s="9"/>
      <c r="L6" s="9"/>
      <c r="M6" s="9"/>
    </row>
    <row r="7" spans="1:13">
      <c r="A7" s="56" t="s">
        <v>185</v>
      </c>
      <c r="B7" s="4">
        <v>174</v>
      </c>
      <c r="C7" s="4">
        <v>2651</v>
      </c>
      <c r="D7" s="4">
        <v>637</v>
      </c>
      <c r="E7" s="4">
        <v>3</v>
      </c>
      <c r="F7" s="4">
        <v>3465</v>
      </c>
    </row>
    <row r="8" spans="1:13">
      <c r="A8" s="57"/>
      <c r="B8" s="5">
        <v>0.05</v>
      </c>
      <c r="C8" s="5">
        <v>0.76500000000000001</v>
      </c>
      <c r="D8" s="5">
        <v>0.184</v>
      </c>
      <c r="E8" s="5">
        <v>1E-3</v>
      </c>
      <c r="F8" s="5">
        <v>1</v>
      </c>
      <c r="I8" s="9"/>
      <c r="J8" s="9"/>
      <c r="K8" s="9"/>
      <c r="L8" s="9"/>
      <c r="M8" s="9"/>
    </row>
    <row r="9" spans="1:13">
      <c r="A9" s="56" t="s">
        <v>186</v>
      </c>
      <c r="B9" s="6">
        <v>0</v>
      </c>
      <c r="C9" s="6">
        <v>1</v>
      </c>
      <c r="D9" s="6">
        <v>0</v>
      </c>
      <c r="E9" s="6">
        <v>0</v>
      </c>
      <c r="F9" s="6">
        <v>1</v>
      </c>
    </row>
    <row r="10" spans="1:13">
      <c r="A10" s="57"/>
      <c r="B10" s="5">
        <v>0</v>
      </c>
      <c r="C10" s="5">
        <v>1</v>
      </c>
      <c r="D10" s="5">
        <v>0</v>
      </c>
      <c r="E10" s="5">
        <v>0</v>
      </c>
      <c r="F10" s="5">
        <v>1</v>
      </c>
      <c r="I10" s="9"/>
      <c r="J10" s="9"/>
      <c r="K10" s="9"/>
      <c r="L10" s="9"/>
      <c r="M10" s="9"/>
    </row>
    <row r="11" spans="1:13" ht="14.25" customHeight="1">
      <c r="A11" s="73" t="s">
        <v>187</v>
      </c>
      <c r="B11" s="6">
        <v>0</v>
      </c>
      <c r="C11" s="6">
        <v>1</v>
      </c>
      <c r="D11" s="6">
        <v>3</v>
      </c>
      <c r="E11" s="6">
        <v>0</v>
      </c>
      <c r="F11" s="6">
        <v>4</v>
      </c>
    </row>
    <row r="12" spans="1:13">
      <c r="A12" s="74"/>
      <c r="B12" s="5">
        <v>0</v>
      </c>
      <c r="C12" s="5">
        <v>0.25</v>
      </c>
      <c r="D12" s="5">
        <v>0.75</v>
      </c>
      <c r="E12" s="5">
        <v>0</v>
      </c>
      <c r="F12" s="5">
        <v>1</v>
      </c>
      <c r="I12" s="9"/>
      <c r="J12" s="9"/>
      <c r="K12" s="9"/>
      <c r="L12" s="9"/>
      <c r="M12" s="9"/>
    </row>
    <row r="13" spans="1:13">
      <c r="A13" s="56" t="s">
        <v>188</v>
      </c>
      <c r="B13" s="6">
        <v>0</v>
      </c>
      <c r="C13" s="6">
        <v>5</v>
      </c>
      <c r="D13" s="6">
        <v>0</v>
      </c>
      <c r="E13" s="6">
        <v>0</v>
      </c>
      <c r="F13" s="6">
        <v>5</v>
      </c>
    </row>
    <row r="14" spans="1:13">
      <c r="A14" s="57"/>
      <c r="B14" s="5">
        <v>0</v>
      </c>
      <c r="C14" s="5">
        <v>1</v>
      </c>
      <c r="D14" s="5">
        <v>0</v>
      </c>
      <c r="E14" s="5">
        <v>0</v>
      </c>
      <c r="F14" s="5">
        <v>1</v>
      </c>
      <c r="I14" s="9"/>
      <c r="J14" s="9"/>
      <c r="K14" s="9"/>
      <c r="L14" s="9"/>
      <c r="M14" s="9"/>
    </row>
    <row r="15" spans="1:13">
      <c r="A15" s="56" t="s">
        <v>171</v>
      </c>
      <c r="B15" s="6">
        <v>0</v>
      </c>
      <c r="C15" s="6">
        <v>2</v>
      </c>
      <c r="D15" s="6">
        <v>1</v>
      </c>
      <c r="E15" s="6">
        <v>3</v>
      </c>
      <c r="F15" s="6">
        <v>6</v>
      </c>
    </row>
    <row r="16" spans="1:13">
      <c r="A16" s="57"/>
      <c r="B16" s="5">
        <v>0</v>
      </c>
      <c r="C16" s="5">
        <v>0.33300000000000002</v>
      </c>
      <c r="D16" s="5">
        <v>0.16700000000000001</v>
      </c>
      <c r="E16" s="5">
        <v>0.5</v>
      </c>
      <c r="F16" s="5">
        <v>1</v>
      </c>
      <c r="I16" s="9"/>
      <c r="J16" s="9"/>
      <c r="K16" s="9"/>
      <c r="L16" s="9"/>
      <c r="M16" s="9"/>
    </row>
    <row r="17" spans="1:13">
      <c r="A17" s="56" t="s">
        <v>29</v>
      </c>
      <c r="B17" s="4">
        <v>186</v>
      </c>
      <c r="C17" s="4">
        <v>2821</v>
      </c>
      <c r="D17" s="4">
        <v>672</v>
      </c>
      <c r="E17" s="4">
        <v>6</v>
      </c>
      <c r="F17" s="4">
        <v>3685</v>
      </c>
    </row>
    <row r="18" spans="1:13">
      <c r="A18" s="57"/>
      <c r="B18" s="5">
        <v>0.05</v>
      </c>
      <c r="C18" s="5">
        <v>0.76600000000000001</v>
      </c>
      <c r="D18" s="5">
        <v>0.182</v>
      </c>
      <c r="E18" s="5">
        <v>2E-3</v>
      </c>
      <c r="F18" s="5">
        <v>1</v>
      </c>
      <c r="I18" s="9"/>
      <c r="J18" s="9"/>
      <c r="K18" s="9"/>
      <c r="L18" s="9"/>
      <c r="M18" s="9"/>
    </row>
    <row r="19" spans="1:13">
      <c r="A19" s="54" t="s">
        <v>129</v>
      </c>
      <c r="B19" s="54"/>
      <c r="C19" s="54"/>
      <c r="D19" s="54"/>
      <c r="E19" s="54"/>
      <c r="F19" s="54"/>
    </row>
    <row r="20" spans="1:13">
      <c r="A20" s="55"/>
      <c r="B20" s="55"/>
      <c r="C20" s="55"/>
      <c r="D20" s="55"/>
      <c r="E20" s="55"/>
      <c r="F20" s="55"/>
    </row>
  </sheetData>
  <mergeCells count="10">
    <mergeCell ref="A13:A14"/>
    <mergeCell ref="A15:A16"/>
    <mergeCell ref="A17:A18"/>
    <mergeCell ref="A19:F20"/>
    <mergeCell ref="A3:A4"/>
    <mergeCell ref="B3:F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3"/>
  <dimension ref="A1:O20"/>
  <sheetViews>
    <sheetView workbookViewId="0">
      <selection activeCell="A2" sqref="A2"/>
    </sheetView>
  </sheetViews>
  <sheetFormatPr defaultColWidth="9" defaultRowHeight="14.25"/>
  <cols>
    <col min="1" max="1" width="8.875" style="1" customWidth="1"/>
    <col min="2" max="16384" width="9" style="1"/>
  </cols>
  <sheetData>
    <row r="1" spans="1:15">
      <c r="A1" s="1" t="s">
        <v>622</v>
      </c>
    </row>
    <row r="2" spans="1:15" ht="14.25" customHeight="1">
      <c r="A2" s="41" t="s">
        <v>812</v>
      </c>
      <c r="C2" s="7"/>
      <c r="D2" s="7"/>
      <c r="E2" s="7"/>
      <c r="F2" s="7"/>
      <c r="G2" s="7"/>
    </row>
    <row r="3" spans="1:15" ht="14.25" customHeight="1">
      <c r="A3" s="60" t="s">
        <v>183</v>
      </c>
      <c r="B3" s="53" t="s">
        <v>130</v>
      </c>
      <c r="C3" s="53"/>
      <c r="D3" s="53"/>
      <c r="E3" s="53"/>
      <c r="F3" s="53"/>
      <c r="G3" s="53"/>
      <c r="H3" s="2"/>
    </row>
    <row r="4" spans="1:15" ht="28.5">
      <c r="A4" s="60"/>
      <c r="B4" s="8" t="s">
        <v>165</v>
      </c>
      <c r="C4" s="8" t="s">
        <v>166</v>
      </c>
      <c r="D4" s="8" t="s">
        <v>167</v>
      </c>
      <c r="E4" s="8" t="s">
        <v>159</v>
      </c>
      <c r="F4" s="8" t="s">
        <v>42</v>
      </c>
      <c r="G4" s="8" t="s">
        <v>29</v>
      </c>
    </row>
    <row r="5" spans="1:15">
      <c r="A5" s="56" t="s">
        <v>184</v>
      </c>
      <c r="B5" s="4">
        <v>9</v>
      </c>
      <c r="C5" s="4">
        <v>2</v>
      </c>
      <c r="D5" s="4">
        <v>0</v>
      </c>
      <c r="E5" s="4">
        <v>0</v>
      </c>
      <c r="F5" s="4">
        <v>1</v>
      </c>
      <c r="G5" s="4">
        <v>12</v>
      </c>
    </row>
    <row r="6" spans="1:15">
      <c r="A6" s="61"/>
      <c r="B6" s="5">
        <v>0.75</v>
      </c>
      <c r="C6" s="5">
        <v>0.16700000000000001</v>
      </c>
      <c r="D6" s="5">
        <v>0</v>
      </c>
      <c r="E6" s="5">
        <v>0</v>
      </c>
      <c r="F6" s="5">
        <v>8.3000000000000004E-2</v>
      </c>
      <c r="G6" s="5">
        <v>1</v>
      </c>
      <c r="J6" s="9"/>
      <c r="K6" s="9"/>
      <c r="L6" s="9"/>
      <c r="M6" s="9"/>
      <c r="N6" s="9"/>
      <c r="O6" s="9"/>
    </row>
    <row r="7" spans="1:15">
      <c r="A7" s="56" t="s">
        <v>185</v>
      </c>
      <c r="B7" s="6">
        <v>111</v>
      </c>
      <c r="C7" s="6">
        <v>35</v>
      </c>
      <c r="D7" s="6">
        <v>10</v>
      </c>
      <c r="E7" s="6">
        <v>12</v>
      </c>
      <c r="F7" s="6">
        <v>6</v>
      </c>
      <c r="G7" s="4">
        <v>174</v>
      </c>
    </row>
    <row r="8" spans="1:15">
      <c r="A8" s="57"/>
      <c r="B8" s="5">
        <v>0.63800000000000001</v>
      </c>
      <c r="C8" s="5">
        <v>0.20100000000000001</v>
      </c>
      <c r="D8" s="5">
        <v>5.7000000000000002E-2</v>
      </c>
      <c r="E8" s="5">
        <v>6.9000000000000006E-2</v>
      </c>
      <c r="F8" s="5">
        <v>3.4000000000000002E-2</v>
      </c>
      <c r="G8" s="5">
        <v>1</v>
      </c>
      <c r="J8" s="9"/>
      <c r="K8" s="9"/>
      <c r="L8" s="9"/>
      <c r="M8" s="9"/>
      <c r="N8" s="9"/>
      <c r="O8" s="9"/>
    </row>
    <row r="9" spans="1:15">
      <c r="A9" s="56" t="s">
        <v>186</v>
      </c>
      <c r="B9" s="6">
        <v>0</v>
      </c>
      <c r="C9" s="6">
        <v>0</v>
      </c>
      <c r="D9" s="6">
        <v>0</v>
      </c>
      <c r="E9" s="6">
        <v>0</v>
      </c>
      <c r="F9" s="6">
        <v>0</v>
      </c>
      <c r="G9" s="6">
        <v>0</v>
      </c>
    </row>
    <row r="10" spans="1:15">
      <c r="A10" s="57"/>
      <c r="B10" s="5">
        <v>0</v>
      </c>
      <c r="C10" s="5">
        <v>0</v>
      </c>
      <c r="D10" s="5">
        <v>0</v>
      </c>
      <c r="E10" s="5">
        <v>0</v>
      </c>
      <c r="F10" s="5">
        <v>0</v>
      </c>
      <c r="G10" s="5">
        <v>0</v>
      </c>
      <c r="J10" s="9"/>
      <c r="K10" s="9"/>
      <c r="L10" s="9"/>
      <c r="M10" s="9"/>
      <c r="N10" s="9"/>
      <c r="O10" s="9"/>
    </row>
    <row r="11" spans="1:15" ht="14.25" customHeight="1">
      <c r="A11" s="73" t="s">
        <v>187</v>
      </c>
      <c r="B11" s="6">
        <v>0</v>
      </c>
      <c r="C11" s="6">
        <v>0</v>
      </c>
      <c r="D11" s="6">
        <v>0</v>
      </c>
      <c r="E11" s="6">
        <v>0</v>
      </c>
      <c r="F11" s="6">
        <v>0</v>
      </c>
      <c r="G11" s="6">
        <v>0</v>
      </c>
    </row>
    <row r="12" spans="1:15">
      <c r="A12" s="74"/>
      <c r="B12" s="5">
        <v>0</v>
      </c>
      <c r="C12" s="5">
        <v>0</v>
      </c>
      <c r="D12" s="5">
        <v>0</v>
      </c>
      <c r="E12" s="5">
        <v>0</v>
      </c>
      <c r="F12" s="5">
        <v>0</v>
      </c>
      <c r="G12" s="5">
        <v>0</v>
      </c>
    </row>
    <row r="13" spans="1:15">
      <c r="A13" s="56" t="s">
        <v>188</v>
      </c>
      <c r="B13" s="6">
        <v>0</v>
      </c>
      <c r="C13" s="6">
        <v>0</v>
      </c>
      <c r="D13" s="6">
        <v>0</v>
      </c>
      <c r="E13" s="6">
        <v>0</v>
      </c>
      <c r="F13" s="6">
        <v>0</v>
      </c>
      <c r="G13" s="6">
        <v>0</v>
      </c>
    </row>
    <row r="14" spans="1:15">
      <c r="A14" s="57"/>
      <c r="B14" s="5">
        <v>0</v>
      </c>
      <c r="C14" s="5">
        <v>0</v>
      </c>
      <c r="D14" s="5">
        <v>0</v>
      </c>
      <c r="E14" s="5">
        <v>0</v>
      </c>
      <c r="F14" s="5">
        <v>0</v>
      </c>
      <c r="G14" s="5">
        <v>0</v>
      </c>
    </row>
    <row r="15" spans="1:15">
      <c r="A15" s="56" t="s">
        <v>171</v>
      </c>
      <c r="B15" s="6">
        <v>0</v>
      </c>
      <c r="C15" s="6">
        <v>0</v>
      </c>
      <c r="D15" s="6">
        <v>0</v>
      </c>
      <c r="E15" s="6">
        <v>0</v>
      </c>
      <c r="F15" s="6">
        <v>0</v>
      </c>
      <c r="G15" s="6">
        <v>0</v>
      </c>
    </row>
    <row r="16" spans="1:15">
      <c r="A16" s="57"/>
      <c r="B16" s="5">
        <v>0</v>
      </c>
      <c r="C16" s="5">
        <v>0</v>
      </c>
      <c r="D16" s="5">
        <v>0</v>
      </c>
      <c r="E16" s="5">
        <v>0</v>
      </c>
      <c r="F16" s="5">
        <v>0</v>
      </c>
      <c r="G16" s="5">
        <v>0</v>
      </c>
    </row>
    <row r="17" spans="1:7">
      <c r="A17" s="56" t="s">
        <v>29</v>
      </c>
      <c r="B17" s="6">
        <v>120</v>
      </c>
      <c r="C17" s="6">
        <v>37</v>
      </c>
      <c r="D17" s="6">
        <v>10</v>
      </c>
      <c r="E17" s="6">
        <v>12</v>
      </c>
      <c r="F17" s="6">
        <v>7</v>
      </c>
      <c r="G17" s="6">
        <v>186</v>
      </c>
    </row>
    <row r="18" spans="1:7">
      <c r="A18" s="57"/>
      <c r="B18" s="5">
        <v>0.64500000000000002</v>
      </c>
      <c r="C18" s="5">
        <v>0.19900000000000001</v>
      </c>
      <c r="D18" s="5">
        <v>5.3999999999999999E-2</v>
      </c>
      <c r="E18" s="5">
        <v>6.5000000000000002E-2</v>
      </c>
      <c r="F18" s="5">
        <v>3.7999999999999999E-2</v>
      </c>
      <c r="G18" s="5">
        <v>1</v>
      </c>
    </row>
    <row r="19" spans="1:7">
      <c r="A19" s="54" t="s">
        <v>131</v>
      </c>
      <c r="B19" s="54"/>
      <c r="C19" s="54"/>
      <c r="D19" s="54"/>
      <c r="E19" s="54"/>
      <c r="F19" s="54"/>
      <c r="G19" s="54"/>
    </row>
    <row r="20" spans="1:7">
      <c r="A20" s="55"/>
      <c r="B20" s="55"/>
      <c r="C20" s="55"/>
      <c r="D20" s="55"/>
      <c r="E20" s="55"/>
      <c r="F20" s="55"/>
      <c r="G20" s="55"/>
    </row>
  </sheetData>
  <mergeCells count="10">
    <mergeCell ref="A13:A14"/>
    <mergeCell ref="A15:A16"/>
    <mergeCell ref="A17:A18"/>
    <mergeCell ref="A19:G20"/>
    <mergeCell ref="A3:A4"/>
    <mergeCell ref="B3:G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4"/>
  <dimension ref="A1:S14"/>
  <sheetViews>
    <sheetView workbookViewId="0">
      <selection activeCell="A2" sqref="A2"/>
    </sheetView>
  </sheetViews>
  <sheetFormatPr defaultColWidth="9" defaultRowHeight="14.25"/>
  <cols>
    <col min="1" max="1" width="11.625" style="1" bestFit="1" customWidth="1"/>
    <col min="2" max="16384" width="9" style="1"/>
  </cols>
  <sheetData>
    <row r="1" spans="1:19">
      <c r="A1" s="1" t="s">
        <v>623</v>
      </c>
    </row>
    <row r="2" spans="1:19" ht="14.25" customHeight="1">
      <c r="A2" s="41" t="s">
        <v>812</v>
      </c>
      <c r="C2" s="7"/>
      <c r="D2" s="7"/>
      <c r="E2" s="7"/>
      <c r="F2" s="7"/>
      <c r="G2" s="7"/>
      <c r="H2" s="7"/>
    </row>
    <row r="3" spans="1:19" ht="14.25" customHeight="1">
      <c r="A3" s="78" t="s">
        <v>189</v>
      </c>
      <c r="B3" s="53" t="s">
        <v>45</v>
      </c>
      <c r="C3" s="53"/>
      <c r="D3" s="53"/>
      <c r="E3" s="53"/>
      <c r="F3" s="53"/>
      <c r="G3" s="53"/>
      <c r="H3" s="53"/>
      <c r="I3" s="2"/>
    </row>
    <row r="4" spans="1:19" ht="42.75">
      <c r="A4" s="78"/>
      <c r="B4" s="8" t="s">
        <v>46</v>
      </c>
      <c r="C4" s="8" t="s">
        <v>102</v>
      </c>
      <c r="D4" s="8" t="s">
        <v>47</v>
      </c>
      <c r="E4" s="8" t="s">
        <v>48</v>
      </c>
      <c r="F4" s="8" t="s">
        <v>49</v>
      </c>
      <c r="G4" s="8" t="s">
        <v>42</v>
      </c>
      <c r="H4" s="8" t="s">
        <v>29</v>
      </c>
    </row>
    <row r="5" spans="1:19">
      <c r="A5" s="56" t="s">
        <v>190</v>
      </c>
      <c r="B5" s="4">
        <v>483</v>
      </c>
      <c r="C5" s="4">
        <v>2228</v>
      </c>
      <c r="D5" s="4">
        <v>387</v>
      </c>
      <c r="E5" s="4">
        <v>8</v>
      </c>
      <c r="F5" s="4">
        <v>18</v>
      </c>
      <c r="G5" s="4">
        <v>9</v>
      </c>
      <c r="H5" s="4">
        <v>3133</v>
      </c>
    </row>
    <row r="6" spans="1:19">
      <c r="A6" s="61"/>
      <c r="B6" s="5">
        <v>0.154</v>
      </c>
      <c r="C6" s="5">
        <v>0.71099999999999997</v>
      </c>
      <c r="D6" s="5">
        <v>0.124</v>
      </c>
      <c r="E6" s="5">
        <v>3.0000000000000001E-3</v>
      </c>
      <c r="F6" s="5">
        <v>6.0000000000000001E-3</v>
      </c>
      <c r="G6" s="5">
        <v>3.0000000000000001E-3</v>
      </c>
      <c r="H6" s="5">
        <v>1</v>
      </c>
      <c r="J6" s="9"/>
      <c r="K6" s="9"/>
      <c r="L6" s="9"/>
      <c r="M6" s="9"/>
      <c r="N6" s="9"/>
      <c r="O6" s="9"/>
      <c r="P6" s="9"/>
    </row>
    <row r="7" spans="1:19">
      <c r="A7" s="56" t="s">
        <v>191</v>
      </c>
      <c r="B7" s="6">
        <v>43</v>
      </c>
      <c r="C7" s="6">
        <v>358</v>
      </c>
      <c r="D7" s="6">
        <v>118</v>
      </c>
      <c r="E7" s="6">
        <v>3</v>
      </c>
      <c r="F7" s="6">
        <v>7</v>
      </c>
      <c r="G7" s="6">
        <v>1</v>
      </c>
      <c r="H7" s="4">
        <v>530</v>
      </c>
    </row>
    <row r="8" spans="1:19">
      <c r="A8" s="57"/>
      <c r="B8" s="5">
        <v>8.1000000000000003E-2</v>
      </c>
      <c r="C8" s="5">
        <v>0.67500000000000004</v>
      </c>
      <c r="D8" s="5">
        <v>0.223</v>
      </c>
      <c r="E8" s="5">
        <v>6.0000000000000001E-3</v>
      </c>
      <c r="F8" s="5">
        <v>1.2999999999999999E-2</v>
      </c>
      <c r="G8" s="5">
        <v>2E-3</v>
      </c>
      <c r="H8" s="5">
        <v>1</v>
      </c>
      <c r="J8" s="9"/>
      <c r="K8" s="9"/>
      <c r="L8" s="9"/>
      <c r="M8" s="9"/>
      <c r="N8" s="9"/>
      <c r="O8" s="9"/>
      <c r="P8" s="9"/>
      <c r="Q8" s="9"/>
      <c r="R8" s="9"/>
      <c r="S8" s="9"/>
    </row>
    <row r="9" spans="1:19">
      <c r="A9" s="56" t="s">
        <v>171</v>
      </c>
      <c r="B9" s="6">
        <v>2</v>
      </c>
      <c r="C9" s="6">
        <v>16</v>
      </c>
      <c r="D9" s="6">
        <v>1</v>
      </c>
      <c r="E9" s="6">
        <v>0</v>
      </c>
      <c r="F9" s="6">
        <v>1</v>
      </c>
      <c r="G9" s="6">
        <v>2</v>
      </c>
      <c r="H9" s="6">
        <v>22</v>
      </c>
    </row>
    <row r="10" spans="1:19">
      <c r="A10" s="57"/>
      <c r="B10" s="5">
        <v>9.0999999999999998E-2</v>
      </c>
      <c r="C10" s="5">
        <v>0.72699999999999998</v>
      </c>
      <c r="D10" s="5">
        <v>4.4999999999999998E-2</v>
      </c>
      <c r="E10" s="5">
        <v>0</v>
      </c>
      <c r="F10" s="5">
        <v>4.4999999999999998E-2</v>
      </c>
      <c r="G10" s="5">
        <v>9.0999999999999998E-2</v>
      </c>
      <c r="H10" s="5">
        <v>1</v>
      </c>
      <c r="J10" s="9"/>
      <c r="K10" s="9"/>
      <c r="L10" s="9"/>
      <c r="M10" s="9"/>
      <c r="N10" s="9"/>
      <c r="O10" s="9"/>
      <c r="P10" s="9"/>
      <c r="Q10" s="9"/>
      <c r="R10" s="9"/>
      <c r="S10" s="9"/>
    </row>
    <row r="11" spans="1:19">
      <c r="A11" s="56" t="s">
        <v>29</v>
      </c>
      <c r="B11" s="4">
        <v>528</v>
      </c>
      <c r="C11" s="4">
        <v>2602</v>
      </c>
      <c r="D11" s="4">
        <v>506</v>
      </c>
      <c r="E11" s="4">
        <v>11</v>
      </c>
      <c r="F11" s="4">
        <v>26</v>
      </c>
      <c r="G11" s="4">
        <v>12</v>
      </c>
      <c r="H11" s="4">
        <v>3685</v>
      </c>
    </row>
    <row r="12" spans="1:19">
      <c r="A12" s="57"/>
      <c r="B12" s="5">
        <v>0.14299999999999999</v>
      </c>
      <c r="C12" s="5">
        <v>0.70599999999999996</v>
      </c>
      <c r="D12" s="5">
        <v>0.13700000000000001</v>
      </c>
      <c r="E12" s="5">
        <v>3.0000000000000001E-3</v>
      </c>
      <c r="F12" s="5">
        <v>7.0000000000000001E-3</v>
      </c>
      <c r="G12" s="5">
        <v>3.0000000000000001E-3</v>
      </c>
      <c r="H12" s="5">
        <v>1</v>
      </c>
      <c r="J12" s="9"/>
      <c r="K12" s="9"/>
      <c r="L12" s="9"/>
      <c r="M12" s="9"/>
      <c r="N12" s="9"/>
      <c r="O12" s="9"/>
      <c r="P12" s="9"/>
      <c r="Q12" s="9"/>
      <c r="R12" s="9"/>
      <c r="S12" s="9"/>
    </row>
    <row r="13" spans="1:19">
      <c r="A13" s="54" t="s">
        <v>44</v>
      </c>
      <c r="B13" s="54"/>
      <c r="C13" s="54"/>
      <c r="D13" s="54"/>
      <c r="E13" s="54"/>
      <c r="F13" s="54"/>
      <c r="G13" s="54"/>
      <c r="H13" s="54"/>
    </row>
    <row r="14" spans="1:19">
      <c r="A14" s="55"/>
      <c r="B14" s="55"/>
      <c r="C14" s="55"/>
      <c r="D14" s="55"/>
      <c r="E14" s="55"/>
      <c r="F14" s="55"/>
      <c r="G14" s="55"/>
      <c r="H14" s="55"/>
      <c r="M14" s="9"/>
      <c r="N14" s="9"/>
      <c r="O14" s="9"/>
      <c r="P14" s="9"/>
      <c r="Q14" s="9"/>
      <c r="R14" s="9"/>
      <c r="S14" s="9"/>
    </row>
  </sheetData>
  <mergeCells count="7">
    <mergeCell ref="A13:H14"/>
    <mergeCell ref="A3:A4"/>
    <mergeCell ref="B3:H3"/>
    <mergeCell ref="A5:A6"/>
    <mergeCell ref="A7:A8"/>
    <mergeCell ref="A9:A10"/>
    <mergeCell ref="A11:A12"/>
  </mergeCells>
  <phoneticPr fontId="1"/>
  <hyperlinks>
    <hyperlink ref="A2" location="'3歳'!A1" display="【目次】"/>
  </hyperlink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82</vt:i4>
      </vt:variant>
      <vt:variant>
        <vt:lpstr>名前付き一覧</vt:lpstr>
      </vt:variant>
      <vt:variant>
        <vt:i4>1</vt:i4>
      </vt:variant>
    </vt:vector>
  </HeadingPairs>
  <TitlesOfParts>
    <vt:vector size="283" baseType="lpstr">
      <vt:lpstr>3歳</vt:lpstr>
      <vt:lpstr>1</vt:lpstr>
      <vt:lpstr>2</vt:lpstr>
      <vt:lpstr>3</vt:lpstr>
      <vt:lpstr>4</vt:lpstr>
      <vt:lpstr>5</vt:lpstr>
      <vt:lpstr>6</vt:lpstr>
      <vt:lpstr>7</vt:lpstr>
      <vt:lpstr>8</vt:lpstr>
      <vt:lpstr>9</vt:lpstr>
      <vt:lpstr>10</vt:lpstr>
      <vt:lpstr>11</vt:lpstr>
      <vt:lpstr>12</vt:lpstr>
      <vt:lpstr>13</vt:lpstr>
      <vt:lpstr>14-1</vt:lpstr>
      <vt:lpstr>14-2</vt:lpstr>
      <vt:lpstr>15</vt:lpstr>
      <vt:lpstr>16</vt:lpstr>
      <vt:lpstr>17</vt:lpstr>
      <vt:lpstr>18</vt:lpstr>
      <vt:lpstr>19</vt:lpstr>
      <vt:lpstr>20</vt:lpstr>
      <vt:lpstr>21</vt:lpstr>
      <vt:lpstr>22</vt:lpstr>
      <vt:lpstr>23</vt:lpstr>
      <vt:lpstr>24</vt:lpstr>
      <vt:lpstr>25</vt:lpstr>
      <vt:lpstr>26</vt:lpstr>
      <vt:lpstr>27</vt:lpstr>
      <vt:lpstr>28</vt:lpstr>
      <vt:lpstr>29</vt:lpstr>
      <vt:lpstr>30</vt:lpstr>
      <vt:lpstr>31</vt:lpstr>
      <vt:lpstr>32</vt:lpstr>
      <vt:lpstr>33</vt:lpstr>
      <vt:lpstr>34</vt:lpstr>
      <vt:lpstr>35</vt:lpstr>
      <vt:lpstr>36</vt:lpstr>
      <vt:lpstr>37</vt:lpstr>
      <vt:lpstr>38</vt:lpstr>
      <vt:lpstr>39</vt:lpstr>
      <vt:lpstr>40</vt:lpstr>
      <vt:lpstr>41</vt:lpstr>
      <vt:lpstr>42</vt:lpstr>
      <vt:lpstr>43</vt:lpstr>
      <vt:lpstr>44</vt:lpstr>
      <vt:lpstr>45</vt:lpstr>
      <vt:lpstr>46</vt:lpstr>
      <vt:lpstr>47</vt:lpstr>
      <vt:lpstr>48</vt:lpstr>
      <vt:lpstr>49</vt:lpstr>
      <vt:lpstr>50</vt:lpstr>
      <vt:lpstr>51</vt:lpstr>
      <vt:lpstr>52</vt:lpstr>
      <vt:lpstr>53</vt:lpstr>
      <vt:lpstr>54</vt:lpstr>
      <vt:lpstr>55</vt:lpstr>
      <vt:lpstr>56</vt:lpstr>
      <vt:lpstr>57</vt:lpstr>
      <vt:lpstr>58</vt:lpstr>
      <vt:lpstr>59</vt:lpstr>
      <vt:lpstr>60</vt:lpstr>
      <vt:lpstr>61</vt:lpstr>
      <vt:lpstr>62</vt:lpstr>
      <vt:lpstr>63</vt:lpstr>
      <vt:lpstr>64</vt:lpstr>
      <vt:lpstr>65</vt:lpstr>
      <vt:lpstr>66</vt:lpstr>
      <vt:lpstr>67</vt:lpstr>
      <vt:lpstr>68</vt:lpstr>
      <vt:lpstr>69</vt:lpstr>
      <vt:lpstr>70</vt:lpstr>
      <vt:lpstr>71</vt:lpstr>
      <vt:lpstr>72</vt:lpstr>
      <vt:lpstr>73</vt:lpstr>
      <vt:lpstr>74</vt:lpstr>
      <vt:lpstr>75</vt:lpstr>
      <vt:lpstr>76</vt:lpstr>
      <vt:lpstr>77</vt:lpstr>
      <vt:lpstr>78</vt:lpstr>
      <vt:lpstr>79</vt:lpstr>
      <vt:lpstr>80</vt:lpstr>
      <vt:lpstr>81</vt:lpstr>
      <vt:lpstr>82</vt:lpstr>
      <vt:lpstr>83</vt:lpstr>
      <vt:lpstr>84</vt:lpstr>
      <vt:lpstr>85</vt:lpstr>
      <vt:lpstr>86</vt:lpstr>
      <vt:lpstr>87</vt:lpstr>
      <vt:lpstr>88</vt:lpstr>
      <vt:lpstr>89</vt:lpstr>
      <vt:lpstr>90</vt:lpstr>
      <vt:lpstr>91-1</vt:lpstr>
      <vt:lpstr>91-2</vt:lpstr>
      <vt:lpstr>92</vt:lpstr>
      <vt:lpstr>93</vt:lpstr>
      <vt:lpstr>94</vt:lpstr>
      <vt:lpstr>95</vt:lpstr>
      <vt:lpstr>96</vt:lpstr>
      <vt:lpstr>97</vt:lpstr>
      <vt:lpstr>98</vt:lpstr>
      <vt:lpstr>99</vt:lpstr>
      <vt:lpstr>100</vt:lpstr>
      <vt:lpstr>101</vt:lpstr>
      <vt:lpstr>102</vt:lpstr>
      <vt:lpstr>103</vt:lpstr>
      <vt:lpstr>104</vt:lpstr>
      <vt:lpstr>105</vt:lpstr>
      <vt:lpstr>106</vt:lpstr>
      <vt:lpstr>107</vt:lpstr>
      <vt:lpstr>108</vt:lpstr>
      <vt:lpstr>109</vt:lpstr>
      <vt:lpstr>110</vt:lpstr>
      <vt:lpstr>111</vt:lpstr>
      <vt:lpstr>112</vt:lpstr>
      <vt:lpstr>113</vt:lpstr>
      <vt:lpstr>114</vt:lpstr>
      <vt:lpstr>115-1</vt:lpstr>
      <vt:lpstr>115-2</vt:lpstr>
      <vt:lpstr>116</vt:lpstr>
      <vt:lpstr>117</vt:lpstr>
      <vt:lpstr>118</vt:lpstr>
      <vt:lpstr>119</vt:lpstr>
      <vt:lpstr>120</vt:lpstr>
      <vt:lpstr>121</vt:lpstr>
      <vt:lpstr>122</vt:lpstr>
      <vt:lpstr>123</vt:lpstr>
      <vt:lpstr>124</vt:lpstr>
      <vt:lpstr>125</vt:lpstr>
      <vt:lpstr>126</vt:lpstr>
      <vt:lpstr>127</vt:lpstr>
      <vt:lpstr>128</vt:lpstr>
      <vt:lpstr>129</vt:lpstr>
      <vt:lpstr>130</vt:lpstr>
      <vt:lpstr>131</vt:lpstr>
      <vt:lpstr>132</vt:lpstr>
      <vt:lpstr>133</vt:lpstr>
      <vt:lpstr>134</vt:lpstr>
      <vt:lpstr>135</vt:lpstr>
      <vt:lpstr>136</vt:lpstr>
      <vt:lpstr>137</vt:lpstr>
      <vt:lpstr>138</vt:lpstr>
      <vt:lpstr>139</vt:lpstr>
      <vt:lpstr>140</vt:lpstr>
      <vt:lpstr>141</vt:lpstr>
      <vt:lpstr>142</vt:lpstr>
      <vt:lpstr>143</vt:lpstr>
      <vt:lpstr>144</vt:lpstr>
      <vt:lpstr>145</vt:lpstr>
      <vt:lpstr>146</vt:lpstr>
      <vt:lpstr>147</vt:lpstr>
      <vt:lpstr>148</vt:lpstr>
      <vt:lpstr>149</vt:lpstr>
      <vt:lpstr>150</vt:lpstr>
      <vt:lpstr>151</vt:lpstr>
      <vt:lpstr>152</vt:lpstr>
      <vt:lpstr>153</vt:lpstr>
      <vt:lpstr>154</vt:lpstr>
      <vt:lpstr>155</vt:lpstr>
      <vt:lpstr>156</vt:lpstr>
      <vt:lpstr>157</vt:lpstr>
      <vt:lpstr>158</vt:lpstr>
      <vt:lpstr>159</vt:lpstr>
      <vt:lpstr>160</vt:lpstr>
      <vt:lpstr>161</vt:lpstr>
      <vt:lpstr>162</vt:lpstr>
      <vt:lpstr>163</vt:lpstr>
      <vt:lpstr>164</vt:lpstr>
      <vt:lpstr>165</vt:lpstr>
      <vt:lpstr>166</vt:lpstr>
      <vt:lpstr>167</vt:lpstr>
      <vt:lpstr>168</vt:lpstr>
      <vt:lpstr>169</vt:lpstr>
      <vt:lpstr>170</vt:lpstr>
      <vt:lpstr>171</vt:lpstr>
      <vt:lpstr>172</vt:lpstr>
      <vt:lpstr>173</vt:lpstr>
      <vt:lpstr>174</vt:lpstr>
      <vt:lpstr>175</vt:lpstr>
      <vt:lpstr>176</vt:lpstr>
      <vt:lpstr>177</vt:lpstr>
      <vt:lpstr>178</vt:lpstr>
      <vt:lpstr>179</vt:lpstr>
      <vt:lpstr>180</vt:lpstr>
      <vt:lpstr>181</vt:lpstr>
      <vt:lpstr>182</vt:lpstr>
      <vt:lpstr>183</vt:lpstr>
      <vt:lpstr>184</vt:lpstr>
      <vt:lpstr>185</vt:lpstr>
      <vt:lpstr>186</vt:lpstr>
      <vt:lpstr>187</vt:lpstr>
      <vt:lpstr>188</vt:lpstr>
      <vt:lpstr>189</vt:lpstr>
      <vt:lpstr>190</vt:lpstr>
      <vt:lpstr>191</vt:lpstr>
      <vt:lpstr>192</vt:lpstr>
      <vt:lpstr>193</vt:lpstr>
      <vt:lpstr>194</vt:lpstr>
      <vt:lpstr>195</vt:lpstr>
      <vt:lpstr>196</vt:lpstr>
      <vt:lpstr>197</vt:lpstr>
      <vt:lpstr>198</vt:lpstr>
      <vt:lpstr>199</vt:lpstr>
      <vt:lpstr>200</vt:lpstr>
      <vt:lpstr>201</vt:lpstr>
      <vt:lpstr>202</vt:lpstr>
      <vt:lpstr>203</vt:lpstr>
      <vt:lpstr>204</vt:lpstr>
      <vt:lpstr>205</vt:lpstr>
      <vt:lpstr>206</vt:lpstr>
      <vt:lpstr>207</vt:lpstr>
      <vt:lpstr>208</vt:lpstr>
      <vt:lpstr>209</vt:lpstr>
      <vt:lpstr>210</vt:lpstr>
      <vt:lpstr>211</vt:lpstr>
      <vt:lpstr>212</vt:lpstr>
      <vt:lpstr>213</vt:lpstr>
      <vt:lpstr>214</vt:lpstr>
      <vt:lpstr>215</vt:lpstr>
      <vt:lpstr>216</vt:lpstr>
      <vt:lpstr>217</vt:lpstr>
      <vt:lpstr>218</vt:lpstr>
      <vt:lpstr>219</vt:lpstr>
      <vt:lpstr>220</vt:lpstr>
      <vt:lpstr>221</vt:lpstr>
      <vt:lpstr>222</vt:lpstr>
      <vt:lpstr>223</vt:lpstr>
      <vt:lpstr>224</vt:lpstr>
      <vt:lpstr>225</vt:lpstr>
      <vt:lpstr>226</vt:lpstr>
      <vt:lpstr>227</vt:lpstr>
      <vt:lpstr>228</vt:lpstr>
      <vt:lpstr>229</vt:lpstr>
      <vt:lpstr>230</vt:lpstr>
      <vt:lpstr>231</vt:lpstr>
      <vt:lpstr>232</vt:lpstr>
      <vt:lpstr>233</vt:lpstr>
      <vt:lpstr>234</vt:lpstr>
      <vt:lpstr>235</vt:lpstr>
      <vt:lpstr>236</vt:lpstr>
      <vt:lpstr>237</vt:lpstr>
      <vt:lpstr>238</vt:lpstr>
      <vt:lpstr>239</vt:lpstr>
      <vt:lpstr>240</vt:lpstr>
      <vt:lpstr>241</vt:lpstr>
      <vt:lpstr>242</vt:lpstr>
      <vt:lpstr>243</vt:lpstr>
      <vt:lpstr>244</vt:lpstr>
      <vt:lpstr>245</vt:lpstr>
      <vt:lpstr>246</vt:lpstr>
      <vt:lpstr>247</vt:lpstr>
      <vt:lpstr>248</vt:lpstr>
      <vt:lpstr>249</vt:lpstr>
      <vt:lpstr>250</vt:lpstr>
      <vt:lpstr>251</vt:lpstr>
      <vt:lpstr>252</vt:lpstr>
      <vt:lpstr>253</vt:lpstr>
      <vt:lpstr>254</vt:lpstr>
      <vt:lpstr>255</vt:lpstr>
      <vt:lpstr>256</vt:lpstr>
      <vt:lpstr>257</vt:lpstr>
      <vt:lpstr>258</vt:lpstr>
      <vt:lpstr>259</vt:lpstr>
      <vt:lpstr>260-1</vt:lpstr>
      <vt:lpstr>260-2</vt:lpstr>
      <vt:lpstr>261-1</vt:lpstr>
      <vt:lpstr>261-2</vt:lpstr>
      <vt:lpstr>262-1</vt:lpstr>
      <vt:lpstr>262-2</vt:lpstr>
      <vt:lpstr>263-1</vt:lpstr>
      <vt:lpstr>263-2</vt:lpstr>
      <vt:lpstr>264-1</vt:lpstr>
      <vt:lpstr>264-2</vt:lpstr>
      <vt:lpstr>265</vt:lpstr>
      <vt:lpstr>266</vt:lpstr>
      <vt:lpstr>267</vt:lpstr>
      <vt:lpstr>268</vt:lpstr>
      <vt:lpstr>269</vt:lpstr>
      <vt:lpstr>270</vt:lpstr>
      <vt:lpstr>271</vt:lpstr>
      <vt:lpstr>272</vt:lpstr>
      <vt:lpstr>273</vt:lpstr>
      <vt:lpstr>'3歳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2-19T05:00:27Z</cp:lastPrinted>
  <dcterms:created xsi:type="dcterms:W3CDTF">2010-02-08T07:30:03Z</dcterms:created>
  <dcterms:modified xsi:type="dcterms:W3CDTF">2025-07-22T09:32:23Z</dcterms:modified>
</cp:coreProperties>
</file>